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201"/>
  <workbookPr autoCompressPictures="0"/>
  <mc:AlternateContent xmlns:mc="http://schemas.openxmlformats.org/markup-compatibility/2006">
    <mc:Choice Requires="x15">
      <x15ac:absPath xmlns:x15ac="http://schemas.microsoft.com/office/spreadsheetml/2010/11/ac" url="C:\Users\s431240\Dropbox\2016 RWS\Data tables\Reported Regions\RDAs &amp; LGAs\"/>
    </mc:Choice>
  </mc:AlternateContent>
  <bookViews>
    <workbookView xWindow="2085" yWindow="225" windowWidth="20370" windowHeight="11700" tabRatio="909"/>
  </bookViews>
  <sheets>
    <sheet name="Cover" sheetId="2" r:id="rId1"/>
    <sheet name="Explanatory notes" sheetId="11" r:id="rId2"/>
    <sheet name="About the region" sheetId="23"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2113" uniqueCount="456">
  <si>
    <t>Rural and regional Australia</t>
  </si>
  <si>
    <t>Index of data tables</t>
  </si>
  <si>
    <t>Community wellbeing (average score, from a possible 1-7)</t>
  </si>
  <si>
    <t>Household financial wellbeing</t>
  </si>
  <si>
    <t>Explanatory notes</t>
  </si>
  <si>
    <t>Why aren't data from every survey question reported for every region?</t>
  </si>
  <si>
    <t>General health</t>
  </si>
  <si>
    <t>Community leadership and collaboration</t>
  </si>
  <si>
    <t>Wellbeing</t>
  </si>
  <si>
    <t>Global Life Satisfaction</t>
  </si>
  <si>
    <t>Personal Wellbeing Index</t>
  </si>
  <si>
    <t>Community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Feeling life is worthwhile</t>
  </si>
  <si>
    <t xml:space="preserve">Community wellbeing measures </t>
  </si>
  <si>
    <t xml:space="preserve">Changes in community liveability </t>
  </si>
  <si>
    <t>Migration intentions</t>
  </si>
  <si>
    <t>Household financial measures</t>
  </si>
  <si>
    <t>Financial distress</t>
  </si>
  <si>
    <t>Community economic measures</t>
  </si>
  <si>
    <t>Self-efficacy</t>
  </si>
  <si>
    <t>Self-efficacy measures</t>
  </si>
  <si>
    <t>Community leadership and collaboration measures</t>
  </si>
  <si>
    <t>Institutional capital</t>
  </si>
  <si>
    <t>Human capital</t>
  </si>
  <si>
    <t>Financial capital</t>
  </si>
  <si>
    <t>Having a say and being heard measures</t>
  </si>
  <si>
    <t>Equity and inclusion</t>
  </si>
  <si>
    <t>Equity and inclusion measures</t>
  </si>
  <si>
    <t>Social capital</t>
  </si>
  <si>
    <t>Spending time with friends and family measures</t>
  </si>
  <si>
    <t>Getting involved</t>
  </si>
  <si>
    <t>Getting involved measures</t>
  </si>
  <si>
    <t>Sense of belonging measures</t>
  </si>
  <si>
    <t xml:space="preserve">Access to health, education, aged care and child care </t>
  </si>
  <si>
    <t>Physical capital</t>
  </si>
  <si>
    <t>Access to health, education, aged care and child care measures</t>
  </si>
  <si>
    <t xml:space="preserve">Access to roads and public transport </t>
  </si>
  <si>
    <t>Access to roads and public transport measures</t>
  </si>
  <si>
    <t>Access to food and retail shops</t>
  </si>
  <si>
    <t>Access to food and retail shops measures</t>
  </si>
  <si>
    <t>Access to financial and professional services</t>
  </si>
  <si>
    <t>Access to financial and professional services measures</t>
  </si>
  <si>
    <t>Telecommunications</t>
  </si>
  <si>
    <t>Telecommunications measure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Each individual item used to create the 'community leadership and collaboration'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equity and inclusion' scale is presented individually</t>
  </si>
  <si>
    <t>Each individual item used to create the 'spending time with friends and family' scale is presented individually</t>
  </si>
  <si>
    <t xml:space="preserve">Getting involved </t>
  </si>
  <si>
    <t>Each individual item used to create the 'getting involved' scale is presented individually</t>
  </si>
  <si>
    <t>Participation in volunteering - distribution of responses</t>
  </si>
  <si>
    <t>Each individual item used to create the 'sense of belonging' scale is presented individually</t>
  </si>
  <si>
    <t>Access to health, education, aged care and child care (average score, from a possible 1-7)</t>
  </si>
  <si>
    <t>Each individual item used to create the 'access to health, education, aged care and child care' scale is presented individually</t>
  </si>
  <si>
    <t>Access to roads and public transport (average score, from a possible 1-7)</t>
  </si>
  <si>
    <t>Each individual item used to create the 'access to roads and public transport ' scale is presented individually</t>
  </si>
  <si>
    <t>Access to food and retail shops  (average score, from a possible 1-7)</t>
  </si>
  <si>
    <t>Each individual item used to create the 'access to food and retail shops ' scale is presented individually</t>
  </si>
  <si>
    <t>Access to financial and professional services (average score, from a possible 1-7)</t>
  </si>
  <si>
    <t>Each individual item used to create the 'access to financial and professional services' scale is presented individually</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health</t>
  </si>
  <si>
    <t>….what you are currently achieving in life</t>
  </si>
  <si>
    <t>….your personal relationships</t>
  </si>
  <si>
    <t>….how safe you feel</t>
  </si>
  <si>
    <t>….feeling part of your community</t>
  </si>
  <si>
    <t>….your future security</t>
  </si>
  <si>
    <t>Feeling life is worthwhile
(average score, from a possible 0-100)</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 xml:space="preserve">Measured from 1 (strongly disagree) to 7 (strongly agree)
</t>
  </si>
  <si>
    <t xml:space="preserve">Each individual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My community is a great place to live
(Measured 'strongly disagree' (1) to 'strongly agree' (7))
</t>
  </si>
  <si>
    <t>This community copes pretty well when faced with challenges
(Measured 'strongly disagree' (1) to 'strongly agree' (7))</t>
  </si>
  <si>
    <t>Disagree</t>
  </si>
  <si>
    <t>Neither agree/disagree</t>
  </si>
  <si>
    <t>Agree</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 xml:space="preserve">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Likelihood of shifting in the next 12 months 
(measured 'very unlikely' (1) to 'very likely' (5))</t>
  </si>
  <si>
    <t xml:space="preserve">Confidence interval for % who were unlikely to shift </t>
  </si>
  <si>
    <t>Confidence interval for % who neither likely or unlikely to shift</t>
  </si>
  <si>
    <t>Confidence interval for % who  were likely to shift</t>
  </si>
  <si>
    <t>There is 95% confidence that if the survey was repeated, the value would fall between the %  ± the confidence interval</t>
  </si>
  <si>
    <t>Household financial wellbeing
 (average score, from a possible 1-7)</t>
  </si>
  <si>
    <t>Measured from 1 (lowest level of financial wellbeing) to 7 (highest level of financial wellbeing)</t>
  </si>
  <si>
    <t>Household income  - distribution of responses</t>
  </si>
  <si>
    <t>Self-rated financial wellbeing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Financial distress score 
(average score, from a possible 0-10)</t>
  </si>
  <si>
    <t xml:space="preserve">Financial distress - distribution of responses
</t>
  </si>
  <si>
    <t>Confidence interval for no financial distress</t>
  </si>
  <si>
    <t>Confidence interval for low financial distress</t>
  </si>
  <si>
    <t>Confidence interval for moderate financial distress</t>
  </si>
  <si>
    <t>Community economic wellbeing
 (average score, from a possible 1-7)</t>
  </si>
  <si>
    <t>Measured from 1 (low levels of community economic wellbeing) to 7 (high levels of community economic wellbeing)</t>
  </si>
  <si>
    <t>This community is financially well-off
(Measured 'strongly disagree' (1) to 'strongly agree' (7))</t>
  </si>
  <si>
    <t>Local businesses in this town are doing pretty well at the moment
(Measured 'strongly disagree' (1) to 'strongly agree' (7))</t>
  </si>
  <si>
    <t xml:space="preserve">Respondents were asked ‘how would you rate your general health?’, and asked to select one of the following options: excellent, very good, good, fair or poor. </t>
  </si>
  <si>
    <t>General health
 (average score, from a possible 1-5)</t>
  </si>
  <si>
    <t>Good</t>
  </si>
  <si>
    <t>Confidence interval for % good</t>
  </si>
  <si>
    <t>Measured from 1 (poor) to 5 (excellent)</t>
  </si>
  <si>
    <t>Measured from 10 (no distress at all) to a maximum of 50 (the most severe distress)</t>
  </si>
  <si>
    <t>Self-efficacy
 (average score, from a possible 1-7)</t>
  </si>
  <si>
    <t>Measured from 1 (low levels of self-efficacy) to 7 (high levels of self-efficacy)</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Each individual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My local government is able to help our community face challenges 
(Measured 'strongly disagree' (1) to 'strongly agree' (7))</t>
  </si>
  <si>
    <t>The people who make decisions for my community represent the whole community, not just part of it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Equity and inclusion
(average score, from a possible 1-7)</t>
  </si>
  <si>
    <t>Measured from 1 (low levels of inclusion and equity) to 7 (high levels of inclusion and equity)</t>
  </si>
  <si>
    <t>Each individual item used to create the 'equity and inclusion' scale is presented individually. 
The questions were measured on a 7-point scale, from 'strongly disagree' (1) to 'strongly agree' (7), and included: (i) Some groups in this community keep to themselves; (ii) Some individuals get left out in this community; and (iii) There is a lot of disagreement between people in this community.</t>
  </si>
  <si>
    <t>Some groups in this community keep to themselves
(Measured 'strongly disagree' (1) to 'strongly agree' (7))</t>
  </si>
  <si>
    <t>There is a lot of disagreement between people in this community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Spending time with friends and family
(average score, from a possible 1-7)</t>
  </si>
  <si>
    <t>Measured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I make time to keep in touch with my friends
'(Measured 'never' (1) to 'all the time' (7))</t>
  </si>
  <si>
    <t>I chat with my neighbours
'(Measured 'never' (1) to 'all the time' (7))</t>
  </si>
  <si>
    <t>I spend time doing things with family members who don’t live with me
'(Measured 'never' (1) to 'all the time' (7))</t>
  </si>
  <si>
    <t>% Never/rarely</t>
  </si>
  <si>
    <t>% Sometimes</t>
  </si>
  <si>
    <t>%  Regularly/all the time</t>
  </si>
  <si>
    <t>Getting involved
 (average score, from a possible 1-7)</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Regularly volunteer</t>
  </si>
  <si>
    <t>Confidence interval for % who regularly volunteer</t>
  </si>
  <si>
    <t>Measured from 1 (low sense of belonging) to 7 (high sense of belonging)</t>
  </si>
  <si>
    <t>I feel welcome here
(Measured 'strongly disagree' (1) to 'strongly agree' (7))</t>
  </si>
  <si>
    <t>I feel part of my community 
(Measured 'strongly disagree' (1) to 'strongly agree' (7))</t>
  </si>
  <si>
    <t>I feel like an outsider here 
(Measured 'strongly disagree' (1) to 'strongly agree' (7))</t>
  </si>
  <si>
    <t>There is 95% confidence that if the survey was repeated, the value would fall between the %± the confidence interval</t>
  </si>
  <si>
    <t xml:space="preserve"> Access to health, education, aged care and child care
(average score, from a possible 1-7)</t>
  </si>
  <si>
    <t>Measured from 1 (very poor) to 7 (very good)</t>
  </si>
  <si>
    <t>Mental health services e.g. psychologist, psychiatrist
(Measured 'very poor' (1) to 'very good' (7))</t>
  </si>
  <si>
    <t>Specialist health services (other than mental health)
(Measured 'very poor' (1) to 'very good' (7))</t>
  </si>
  <si>
    <t>Education e.g. schools, distance education, vocational training
(Measured 'very poor' (1) to 'very good' (7))</t>
  </si>
  <si>
    <t>Child care
(Measured 'very poor' (1) to 'very good' (7))</t>
  </si>
  <si>
    <t>% poor</t>
  </si>
  <si>
    <t>Confidence interval for % poor</t>
  </si>
  <si>
    <t>% neither poor nor good</t>
  </si>
  <si>
    <t>Confidence interval for % neither poor nor good</t>
  </si>
  <si>
    <t>% good</t>
  </si>
  <si>
    <t xml:space="preserve">Access to roads and public transport was measured by asking respondents to rate their access to the following types of services in their local community, on a scale ranging from 'very poor' (1) to 'very good' (7): (i) Roads; and (ii) Public transport (including taxis, buses, trains).
A single measure of overall access to roads and public transport was then constructed based on the average score of a person’s responses to these two items.
</t>
  </si>
  <si>
    <t xml:space="preserve"> Access to roads and public transport
(average score, from a possible 1-7)</t>
  </si>
  <si>
    <t>Each individual item used to create the 'access to roads and public transport' scale is presented individually. 
The questions were measured on a 7-point scale, from 'very poor' (1) to 'very good' (7), and included: 
 (i) Roads; and (ii) Public transport (including taxis, buses, trains).</t>
  </si>
  <si>
    <t>Roads
(Measured 'very poor' (1) to 'very good' (7))</t>
  </si>
  <si>
    <t>Public transport (including taxis, buses, trains)
(Measured 'very poor' (1) to 'very good' (7))</t>
  </si>
  <si>
    <t xml:space="preserve">Access to food and retail shops was measured by asking respondents to rate their access to the following types of services in their local community, on a scale ranging from 'very poor' (1) to 'very good' (7): (i) Fresh fruit and vegetables; (ii) Affordable food; and (iii) Retail shops.
A single measure of overall access to food and retail was then constructed based on the average score of a person’s responses to these three items.
</t>
  </si>
  <si>
    <t>Access to food and retail shops
(average score, from a possible 1-7)</t>
  </si>
  <si>
    <t>Each individual item used to create the 'access to food and retail shops' scale is presented individually. 
The questions were measured on a 7-point scale, from 'very poor' (1) to 'very good' (7), and included: 
(i) Fresh fruit and vegetables; (ii) Affordable food; and (iii) Retail shops.</t>
  </si>
  <si>
    <t>Fresh fruit and vegetables
(Measured 'very poor' (1) to 'very good' (7))</t>
  </si>
  <si>
    <t>Affordable food 
(Measured 'very poor' (1) to 'very good' (7))</t>
  </si>
  <si>
    <t>Retail shops
(Measured 'very poor' (1) to 'very good' (7))</t>
  </si>
  <si>
    <t>Access to financial and professional services
(average score, from a possible 1-7)</t>
  </si>
  <si>
    <t>Banking and financial services
(Measured 'very poor' (1) to 'very good' (7))</t>
  </si>
  <si>
    <t>Professional services e.g. accountants, lawyers
(Measured 'very poor' (1) to 'very good' (7))</t>
  </si>
  <si>
    <t>Telecommunications
(average score, from a possible 1-7)</t>
  </si>
  <si>
    <t>Crime and safety in the local community
(average score, from a possible 1-7)</t>
  </si>
  <si>
    <t>Measured from 1 (low levels of safety) to 7 (high levels of safety)</t>
  </si>
  <si>
    <t>Each individual item used to create the 'crime and safety' scale is presented individually. 
The questions were measured on a 7-point scale, from 'strongly disagree (1) to 'strongly agree' (7), and included: 
(i) This is a safe place to live; (ii) There is a high crime rate in this community; (iii) Many people in this community abuse drugs; and (iv)Many people in this community drink too much alcohol.</t>
  </si>
  <si>
    <t>This is a safe place to live
(Measured 'strongly disagree' (1) to 'strongly agree' (7))</t>
  </si>
  <si>
    <t>There is a high crime rate in this community
(Measured 'strongly disagree' (1) to 'strongly agree' (7))</t>
  </si>
  <si>
    <t>Many people in this community drink too much alcohol 
(Measured 'strongly disagree' (1) to 'strongly agree' (7))</t>
  </si>
  <si>
    <t>Many people in this community abuse drugs
(Measured 'strongly disagree' (1) to 'strongly agree' (7))</t>
  </si>
  <si>
    <t>Landscape and aesthetics
(average score, from a possible 1-7)</t>
  </si>
  <si>
    <t>Measured from 1 (low landscape and aesthetics) to 7 (high landscape and aesthetics)</t>
  </si>
  <si>
    <t>There are attractive buildings / homes in my community
(Measured 'strongly disagree' (1) to 'strongly agree' (7))</t>
  </si>
  <si>
    <t>There are attractive natural places in my community e.g. parks, bushland
(Measured 'strongly disagree' (1) to 'strongly agree' (7))</t>
  </si>
  <si>
    <t>Perceived environmental health
(average score, from a possible 1-7)</t>
  </si>
  <si>
    <t>Measured from 1 (poor environmental health) to 7 (good environmental health)</t>
  </si>
  <si>
    <t>Soil eros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  Big problem</t>
  </si>
  <si>
    <t>Confidence interval for % Big problem</t>
  </si>
  <si>
    <t>Confidence interval for % Moderate problem</t>
  </si>
  <si>
    <t>% Not a problem</t>
  </si>
  <si>
    <t>Confidence interval for % Not a problem</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xml:space="preserve">% residents who were unlikely to shift </t>
  </si>
  <si>
    <t xml:space="preserve">% residents who were neither likely or unlikely to shift </t>
  </si>
  <si>
    <t xml:space="preserve">% residents who were likely to shift  </t>
  </si>
  <si>
    <t>% residents who had a score of 1 or 2 out of 5</t>
  </si>
  <si>
    <t>% residents who had a score of 3 out of 5</t>
  </si>
  <si>
    <t>% residents who had a score of 4 or 5 out of 5</t>
  </si>
  <si>
    <t>% residents $0-$51,999</t>
  </si>
  <si>
    <t>% residents who were poor or very poor</t>
  </si>
  <si>
    <t>% residents who were just getting along</t>
  </si>
  <si>
    <t>% residents who were reasonably comfortable</t>
  </si>
  <si>
    <t>% residents who were very comfortable or prosperous</t>
  </si>
  <si>
    <t>% residents who indicated they were poor or very poor</t>
  </si>
  <si>
    <t>% residents who indicated they were just getting along</t>
  </si>
  <si>
    <t>% residents who indicated they were reasonably comfortable</t>
  </si>
  <si>
    <t>% residents who indicated they were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Moderate problem</t>
  </si>
  <si>
    <t>% residents whose income is between $0 and $51,999</t>
  </si>
  <si>
    <t>The 'feeling life is worthwhile' score was calculated based on respondents' rating on a scale from 'not at all worthwhile' (0) to 'completely worthwhile' (10) when asked 'Overall, to what etent do you feel the things you do in your life are worthwhile?'. Scores have been multiplied by 10 (so life satisfaction is measured on a scale of 0 to 100).</t>
  </si>
  <si>
    <t>Measured from 0 (not at all worthwhile) to 100 (completely worthwhile)</t>
  </si>
  <si>
    <t>Migration intentions was measured by asking respondents 'How likely are you to shift to a new community in the next 12 months? 
Measured using a 5-point scale from 'very unlikely' (1) to 'very likely' (5)</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 residents who selected 1 of the financial distress items</t>
  </si>
  <si>
    <t>% residents who selected 2, 3 or 4 of the financial distress items</t>
  </si>
  <si>
    <t>Measured from 0 (no financial distress) to 4 (highest level of financial distress)</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There are plenty of jobs available around here at the moment
(Measured 'strongly disagree' (1) to 'strongly agree' (7))</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ii) This community is financially well-off; (iii) There are plenty of jobs available around here at the moment; and (iv)Local businesses in this town are doing pretty well at the moment.</t>
  </si>
  <si>
    <t xml:space="preserve">% residents with no or very low financial distress  </t>
  </si>
  <si>
    <t xml:space="preserve">% residents with low-moderate financial distress </t>
  </si>
  <si>
    <t xml:space="preserve">% residents with high financial distress </t>
  </si>
  <si>
    <t>Fair</t>
  </si>
  <si>
    <t>Poor</t>
  </si>
  <si>
    <t>Very good</t>
  </si>
  <si>
    <t>Excellent</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 xml:space="preserve">Respondents were asked to identify how much they agreed or disagreed, on a 7-point response format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Low probability of serious mental illness (6-18)</t>
  </si>
  <si>
    <t>High probability of serious mental illness (19-30)</t>
  </si>
  <si>
    <t>Each individual item used to create the 'self-efficacy' scale is presented individually. 
The self-efficacy questions were measured on a 7-point scale, from 'strongly disagree' (1) to 'strongly agree' (7), and included: 
 (i) I am confident I can achieve the things I want in life, and (ii) I am confident I can achieve the things I want in my work.</t>
  </si>
  <si>
    <t xml:space="preserve"> I am confident I can achieve the things I want in life
(Measured 'strongly disagree' (1) to 'strongly agree' (7))</t>
  </si>
  <si>
    <t>I am confident I can achieve the things I want in my work
(Measured 'strongly disagree' (1) to 'strongly agree' (7))</t>
  </si>
  <si>
    <t>K6 psychological distress (average score, from a possible 6-30)</t>
  </si>
  <si>
    <t>K6 psychological distress - distribution of response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feelings of having a say and being heard) to 7 (high feelings of having a say and being heard).</t>
  </si>
  <si>
    <t>Most people get a fair go around here
(Measured 'strongly disagree' (1) to 'strongly agree' (7))</t>
  </si>
  <si>
    <t xml:space="preserve">Equity and inclusion was measured by asking survey participants how much they agreed with the following three statements, from 'strongly disagree' (1) to 'strongly agree' (7): (i) Some groups in this community keep to themselves; (ii) Some groups who live in this community aren’t made to feel welcome; and (iii) There is a lot of disagreement between people in this community.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Some groups who live in this community aren’t made to feel welcome
(Measured 'strongly disagree' (1) to 'strongly agree' (7))</t>
  </si>
  <si>
    <t>The extent of a person’s involvement in local community activities was examined by asking survey participants how frequently they took part in the following types of activities, on a scale from 'never or almost never' (1) to 'all the time' (7): (i) I go to arts or cultural events; (ii) I attend community events such as farmers markets, community festivals; (iii) I attend meetings/social events of local clubs/groups e.g. Lions, CWA; and (iv)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go to arts or cultural events; (ii) I attend community events such as farmers markets, community festivals; (iii) I attend meetings/social events of local clubs/groups e.g. Lions, CWA; and (iv) I take part in sports groups or teams.</t>
  </si>
  <si>
    <t>I go to arts or cultural events 
'(Measured 'never or almost never' (1) to 'all the time' (7))</t>
  </si>
  <si>
    <t>I attend community events such as farmers markets, community festivals
'(Measured 'never or almost never' (1) to 'all the time' (7))</t>
  </si>
  <si>
    <t>I attend meetings/social events of local clubs/groups e.g. Lions, CWA
'(Measured 'never or almost never' (1) to 'all the time' (7))</t>
  </si>
  <si>
    <t>I take part in sports groups or teams
'(Measured 'never or almost never' (1) to 'all the time' (7))</t>
  </si>
  <si>
    <t>Never or almost never volunteer</t>
  </si>
  <si>
    <t xml:space="preserve">Respondents were asked how often they volunteer in their local community e.g. for groups like fire brigades, sports clubs, school canteen, meals on wheels, festivals, on a 7-point scale from 'never or almost never' (1) through to 'all the time' (7). </t>
  </si>
  <si>
    <t>Volunteering - distribution of responses
'(Measured 'never or almost never' (1) to 'all the time' (7))</t>
  </si>
  <si>
    <t>Each individual item used to create the 'sense of belonging' scale is presented individually. 
The questions were measured on a 7-point scale, from 'strongly disagree' (1) to 'strongly agree' (7), and included: 
 (i) I feel welcome here; (ii) I feel part of my community; and (iii) I feel like an outsider here</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General health services e.g. GP, general health consultation services
(Measured 'very poor' (1) to 'very good' (7))</t>
  </si>
  <si>
    <t>Aged care services e.g. retirement villages, in-home support
(Measured 'very poor' (1) to 'very good' (7))</t>
  </si>
  <si>
    <r>
      <t>Each individual item used to create the</t>
    </r>
    <r>
      <rPr>
        <sz val="12"/>
        <color indexed="10"/>
        <rFont val="Calibri"/>
        <family val="2"/>
      </rPr>
      <t xml:space="preserve"> </t>
    </r>
    <r>
      <rPr>
        <sz val="12"/>
        <rFont val="Calibri"/>
        <family val="2"/>
      </rPr>
      <t>'access to health, education, aged care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Education e.g. schools, distance education, vocational training; (v) AAged care services e.g. retirement villages, in-home support; and (vi) Child care.</t>
    </r>
  </si>
  <si>
    <t>Access to health, education, aged care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Education e.g. schools, distance education, vocational training; (v) Aged care services e.g. retirement villages, in-home support; and (vi) Child care.
A single measure of overall access to health, education, aged and child care was then constructed based on the average score of a person’s responses to these items, after excluding respondents who were unsure whether there was access to a given service.</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Each individual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 xml:space="preserve">Access to telecommunications was measured by asking respondents to rate their access to (i) mobile phone coverage in their community, as well as the following types of services in their home or property, on a scale ranging from 'very poor' (1) to 'very good' (7): (ii) Mobile phone coverage; (iii) Reliable internet (that doesn't regularly drop out or slow down); (iv) High speed internet; and (v) Affordable internet
The average of a person’s responses to these two items, which were highly correlated, was used to construct the ‘access to telecommunications’ measure.
</t>
  </si>
  <si>
    <t>Mobile phone coverage in the community
(Measured 'very poor' (1) to 'very good' (7))</t>
  </si>
  <si>
    <t>Each individual item used to create the 'telecommunications' scale is presented individually. 
The questions were measured on a 7-point scale, from 'very poor' (1) to 'very good' (7), and included: 
a) How good is your access to the following in your community? (i) Mobile phone coverage 
b) How good is your access to the following at your home or property?  (i) Mobile phone coverage; (ii) Reliable internet (that doesn't regularly drop out or slow down); (iii) High speed internet; and (iv) Affordable internet</t>
  </si>
  <si>
    <t>Mobile phone coverage at home or property
(Measured 'very poor' (1) to 'very good' (7))</t>
  </si>
  <si>
    <t>Reliable internet (that doesn't regularly drop out or slow down) at home or property
(Measured 'very poor' (1) to 'very good' (7))</t>
  </si>
  <si>
    <t>High speed internet at home or property
(Measured 'very poor' (1) to 'very good' (7))</t>
  </si>
  <si>
    <t>Affordable internet at home or property
(Measured 'very poor' (1) to 'very good' (7))</t>
  </si>
  <si>
    <t xml:space="preserve">Crime and safety was measured by asking respondents the extent to which they agreed or disagreed with the following statements, on a scale from 'strongly disagree (1) to 'strongly agree' (7): (i) This is a safe place to live; (ii) There is a high crime rate in this community; (iii) Many people in this community abuse drugs; and (iv) Many people in this community drink too much alcohol.
The ‘crime and safety’ scale was then calculated by taking the average score of these items. The scores for the second, third and fourth items were reversed, so that for the scale as a whole score of 1 indicated low levels of safety, and a score of 7 high levels of safety.
</t>
  </si>
  <si>
    <t xml:space="preserve">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
</t>
  </si>
  <si>
    <t xml:space="preserve">Each individual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I like the environment and surrounds I live in
(Measured 'strongly disagree' (1) to 'strongly agree' (7))</t>
  </si>
  <si>
    <t xml:space="preserve">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
</t>
  </si>
  <si>
    <t>Water quality problems other than salinity, in rivers, lake or waterways
(Measured 'Not a problem' (1) to 'Big problem' (7))</t>
  </si>
  <si>
    <t xml:space="preserve">Each individual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Poor soil health other than soil erosion e.g. soil compaction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Living costs are affordable here
(Measured 'strongly disagree' (1) to 'strongly agree' (7))</t>
  </si>
  <si>
    <t xml:space="preserve">The data in this spreadsheet were produced from the 2016 Regional Wellbeing Survey. Information about the survey is available at www.regionalwellbeing.org.au. </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The data presented in this spreadsheet are from a survey of adult residents of this region. All surveys have some bias in the responses they receive. The 2016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from the '2015 Regional Wellbeing Survey reports and results' section of our website, includes a more detailed discussion of reliability of the survey data, which should be referred to when interpreting the data in this spreadsheet.</t>
  </si>
  <si>
    <t>South West (RDA)</t>
  </si>
  <si>
    <t xml:space="preserve">Rural and regional Australia includes all of Australia except the cities of Sydney, Melbourne, Adelaide, Brisbane, Canberra and Perth. In total, 12,891 people from rural and regional Australia took part in the 2016 Regional Wellbeing Survey, although not all these people answered every question on the survey. A small number of people (411) living in the cities of Sydney, Melbourne, Adelaide, Brisbane, Canberra and Perth took part in the 2016 Regional Wellbeing Survey, but are excluded when reporting for rural and regional Australia in these data tables. Some parts of rural and regional Australia were sampled intensively as part of the survey, while others were sampled less intensively. </t>
  </si>
  <si>
    <t>Rural and regional Western Australia</t>
  </si>
  <si>
    <t xml:space="preserve">Rural and regional Western Australia includes all of Western Australia except the large metropolitan areas of Perth and surrounding suburban areas. In total, 1,008 people who live in rural and regional Western Australia took part in the 2016 Regional Wellbeing Survey, although not all these people answered every question on the survey. A small number of people (24) living in the city of Perth and surrounding suburbs took part in the 2016 Regional Wellbeing Survey, but are excluded when reporting for rural and regional Western Australia in these data tables. </t>
  </si>
  <si>
    <t>Augusta-Margaret River, Bunbury, Busselton &amp; Capel (LGAs)</t>
  </si>
  <si>
    <t xml:space="preserve">In 2016, 59 people from the LGAs of Augusta-Margaret River, Bunbury, Busselton &amp; Capel took part in the survey. </t>
  </si>
  <si>
    <t>Collie, Dardanup, Donnybrook-Balingup and Harvey (LGAs)</t>
  </si>
  <si>
    <t xml:space="preserve">In 2016, 114 people from the LGAs of Collie, Dardanup, Donnybrook-Balingup and Harvey took part in the survey. </t>
  </si>
  <si>
    <t>Rural &amp; regional Australia</t>
  </si>
  <si>
    <t>Rural &amp; regional Western Australia</t>
  </si>
  <si>
    <t>Collie, Dardanup, Donnybrook-Balingup &amp; Harvey (LGAs)</t>
  </si>
  <si>
    <t>Wheatbelt (RDA)</t>
  </si>
  <si>
    <t>Northern Wheatbelt (LGAs)</t>
  </si>
  <si>
    <t>Southern Wheatbelt (LGAs)</t>
  </si>
  <si>
    <t>South West (RDA) and Wheatbelt (RDA)</t>
  </si>
  <si>
    <t xml:space="preserve">The South West RDA comprises the LGAs of Augusta-Margaret River, Boyup Brook, Bridgetown-Greenbushes, Bunbury, Busselton, Capel, Collie, Dardanup, Donnybrook-Balingup, Harvey, Manjimup and Nannup In 2016, 277 people from this region took part in the survey. 
The Wheatbelt is a Regional Development Australia region located in southern Western Australia, extending inland east, north and south from Perth. It includes the local government areas of Brookton, Bruce Rock, Chittering, Corrigin, Cuballing, Cunderdin, Dalwallinu, Dowerin, Dumbleyung, Gingin, Kondinin, Kulin, Lake Grace, Merredin, Moora, Mount Marshall, Mukinbudin, Narembeen, Narrogin, Northam, Perenjori, Pingelly, Quairading, Tammin, Toodyay, Trayning, Wagin, Wandering, West Arthur, Wickepin, Williams, Wongan-Ballidu, Wyalkatchem, Yilgarn and York. In total, 241 people who live in the Wheatbelt took part in the 2016 Regional Wellbeing Survey. </t>
  </si>
  <si>
    <t xml:space="preserve">In 2016, 125 people from the LGAs of Chittering, Cunderdin, Dalwallinu, Dandaragan, Dowerin, Gingin, Goomalling, Kellerberrin, Koorda, Merredin, Moora, Mount Marshall, Mukinbudin, Northam, Nungarin, Tammin, Toodyay, Trayning, Victoria Plains, Wongan-Ballidu, Wyalkatchem and Yilgarn took part in the survey. </t>
  </si>
  <si>
    <t xml:space="preserve">In 2016, 116 people from the LGAs of Beverley, Brookton, Bruce Rock, Corrigin, Cuballing, Dumbleyung, Kondinin, Kulin, Lake Grace, Narembeen, Narrogin, Pingelly, Quairading, Wagin, Wandering, West Arthur, Wickepin, Williams and York took part in the survey. </t>
  </si>
  <si>
    <t xml:space="preserve">You may reproduce the data in this spreadsheet for any purpose, providing you acknowledge the data source. Data should be cited as being sourced from the 2016 Regional Wellbeing Survey, WA South West and Wheatbelt region data tables, Version 1.01 July 2017. </t>
  </si>
  <si>
    <t>Rural &amp; Regional Australia</t>
  </si>
  <si>
    <t>Boyup Brook, Bridgetown-Greenbushes, Majimup and Nannup (LGAs)</t>
  </si>
  <si>
    <t xml:space="preserve">In 2016, 69 people from the LGAs of Boyup Brook, Bridgetown-Greenbushes, Majimup and Nannup took part in the survey.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64" formatCode="###0.0%"/>
    <numFmt numFmtId="165" formatCode="###0"/>
    <numFmt numFmtId="166" formatCode="####.0%"/>
    <numFmt numFmtId="167" formatCode="0.0%"/>
    <numFmt numFmtId="168" formatCode="0.0"/>
  </numFmts>
  <fonts count="36">
    <font>
      <sz val="11"/>
      <color theme="1"/>
      <name val="Calibri"/>
      <family val="2"/>
      <scheme val="minor"/>
    </font>
    <font>
      <sz val="10"/>
      <name val="Arial"/>
      <family val="2"/>
    </font>
    <font>
      <sz val="12"/>
      <name val="Calibri"/>
      <family val="2"/>
    </font>
    <font>
      <sz val="10"/>
      <name val="Arial"/>
      <family val="2"/>
    </font>
    <font>
      <sz val="12"/>
      <color indexed="10"/>
      <name val="Calibri"/>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45">
    <xf numFmtId="0" fontId="0" fillId="0" borderId="0"/>
    <xf numFmtId="0" fontId="5" fillId="0" borderId="0" applyNumberFormat="0" applyFill="0" applyBorder="0" applyAlignment="0" applyProtection="0"/>
    <xf numFmtId="0" fontId="1" fillId="0" borderId="0"/>
    <xf numFmtId="0" fontId="1" fillId="0" borderId="0"/>
    <xf numFmtId="0" fontId="3"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33" fillId="0" borderId="0"/>
  </cellStyleXfs>
  <cellXfs count="365">
    <xf numFmtId="0" fontId="0" fillId="0" borderId="0" xfId="0"/>
    <xf numFmtId="0" fontId="0" fillId="0" borderId="0" xfId="0" applyFont="1"/>
    <xf numFmtId="0" fontId="0" fillId="2" borderId="0" xfId="0" applyFill="1"/>
    <xf numFmtId="0" fontId="5" fillId="2" borderId="0" xfId="1" applyFill="1" applyAlignment="1"/>
    <xf numFmtId="0" fontId="8" fillId="0" borderId="0" xfId="0" applyFont="1" applyAlignment="1">
      <alignment vertical="center"/>
    </xf>
    <xf numFmtId="0" fontId="0" fillId="0" borderId="0" xfId="0" applyFont="1"/>
    <xf numFmtId="0" fontId="0" fillId="2" borderId="0" xfId="0" applyFill="1" applyAlignment="1">
      <alignment wrapText="1"/>
    </xf>
    <xf numFmtId="0" fontId="9" fillId="2" borderId="0" xfId="0" applyFont="1" applyFill="1" applyAlignment="1"/>
    <xf numFmtId="0" fontId="10" fillId="2" borderId="0" xfId="0" applyFont="1" applyFill="1" applyAlignment="1">
      <alignment horizontal="left"/>
    </xf>
    <xf numFmtId="0" fontId="0" fillId="2" borderId="0" xfId="0" applyFill="1" applyAlignment="1">
      <alignment horizontal="center"/>
    </xf>
    <xf numFmtId="0" fontId="6" fillId="2" borderId="0" xfId="0" applyFont="1" applyFill="1" applyAlignment="1">
      <alignment horizontal="left"/>
    </xf>
    <xf numFmtId="0" fontId="6"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11" fillId="2" borderId="0" xfId="0" applyFont="1" applyFill="1"/>
    <xf numFmtId="0" fontId="7" fillId="2" borderId="0" xfId="0" applyFont="1" applyFill="1"/>
    <xf numFmtId="0" fontId="10"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10" fillId="3" borderId="0" xfId="0" applyFont="1" applyFill="1" applyAlignment="1"/>
    <xf numFmtId="0" fontId="11" fillId="3" borderId="0" xfId="0" applyFont="1" applyFill="1" applyAlignment="1"/>
    <xf numFmtId="0" fontId="0" fillId="3" borderId="0" xfId="0" applyFill="1" applyAlignment="1">
      <alignment horizontal="left"/>
    </xf>
    <xf numFmtId="0" fontId="5" fillId="3" borderId="0" xfId="1" applyFill="1"/>
    <xf numFmtId="0" fontId="11" fillId="3" borderId="0" xfId="0" applyFont="1" applyFill="1"/>
    <xf numFmtId="0" fontId="5" fillId="3" borderId="0" xfId="1" applyFill="1" applyAlignment="1">
      <alignment vertical="top" wrapText="1"/>
    </xf>
    <xf numFmtId="1" fontId="12" fillId="3" borderId="0" xfId="0" applyNumberFormat="1" applyFont="1" applyFill="1" applyAlignment="1">
      <alignment horizontal="left"/>
    </xf>
    <xf numFmtId="0" fontId="5" fillId="3" borderId="0" xfId="1" quotePrefix="1" applyFill="1"/>
    <xf numFmtId="1" fontId="5" fillId="3" borderId="0" xfId="1" applyNumberFormat="1" applyFill="1" applyAlignment="1">
      <alignment horizontal="left"/>
    </xf>
    <xf numFmtId="0" fontId="11" fillId="3" borderId="0" xfId="0" applyFont="1" applyFill="1" applyAlignment="1">
      <alignment horizontal="left"/>
    </xf>
    <xf numFmtId="0" fontId="13" fillId="0" borderId="0" xfId="0" applyFont="1"/>
    <xf numFmtId="0" fontId="0" fillId="3" borderId="0" xfId="0" quotePrefix="1" applyFill="1" applyAlignment="1"/>
    <xf numFmtId="0" fontId="0" fillId="3" borderId="0" xfId="0" applyFill="1" applyAlignment="1"/>
    <xf numFmtId="0" fontId="14" fillId="0" borderId="0" xfId="0" applyFont="1"/>
    <xf numFmtId="0" fontId="19" fillId="6" borderId="1" xfId="0" applyFont="1" applyFill="1" applyBorder="1" applyAlignment="1">
      <alignment horizontal="left" vertical="top"/>
    </xf>
    <xf numFmtId="0" fontId="20" fillId="6" borderId="1" xfId="34" applyFont="1" applyFill="1" applyBorder="1" applyAlignment="1">
      <alignment horizontal="left" vertical="top" wrapText="1"/>
    </xf>
    <xf numFmtId="168" fontId="20" fillId="6" borderId="1" xfId="34" applyNumberFormat="1" applyFont="1" applyFill="1" applyBorder="1" applyAlignment="1">
      <alignment horizontal="left" vertical="top" wrapText="1"/>
    </xf>
    <xf numFmtId="168" fontId="21" fillId="6" borderId="1" xfId="34" applyNumberFormat="1" applyFont="1" applyFill="1" applyBorder="1" applyAlignment="1">
      <alignment horizontal="left" vertical="top" wrapText="1"/>
    </xf>
    <xf numFmtId="0" fontId="22" fillId="6" borderId="1" xfId="0" applyFont="1" applyFill="1" applyBorder="1" applyAlignment="1">
      <alignment vertical="center"/>
    </xf>
    <xf numFmtId="0" fontId="23" fillId="6" borderId="1" xfId="17" applyFont="1" applyFill="1" applyBorder="1" applyAlignment="1">
      <alignment horizontal="left" vertical="top" wrapText="1"/>
    </xf>
    <xf numFmtId="168" fontId="23" fillId="6" borderId="1" xfId="34" applyNumberFormat="1" applyFont="1" applyFill="1" applyBorder="1" applyAlignment="1">
      <alignment horizontal="left" vertical="top" wrapText="1"/>
    </xf>
    <xf numFmtId="168" fontId="24" fillId="6" borderId="1" xfId="17" applyNumberFormat="1" applyFont="1" applyFill="1" applyBorder="1" applyAlignment="1">
      <alignment horizontal="left" vertical="top" wrapText="1"/>
    </xf>
    <xf numFmtId="0" fontId="25" fillId="0" borderId="1" xfId="0" applyFont="1" applyBorder="1" applyAlignment="1">
      <alignment horizontal="left" vertical="center" wrapText="1"/>
    </xf>
    <xf numFmtId="165" fontId="22" fillId="0" borderId="1" xfId="17"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4" fillId="0" borderId="1" xfId="17" applyNumberFormat="1" applyFont="1" applyFill="1" applyBorder="1" applyAlignment="1">
      <alignment horizontal="left" vertical="center"/>
    </xf>
    <xf numFmtId="0" fontId="26" fillId="4" borderId="1" xfId="19" applyFont="1" applyFill="1" applyBorder="1" applyAlignment="1">
      <alignment horizontal="left" vertical="center" wrapText="1"/>
    </xf>
    <xf numFmtId="165" fontId="22" fillId="4" borderId="1" xfId="17"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8" fontId="24" fillId="4" borderId="1" xfId="17" applyNumberFormat="1" applyFont="1" applyFill="1" applyBorder="1" applyAlignment="1">
      <alignment horizontal="left" vertical="center"/>
    </xf>
    <xf numFmtId="0" fontId="22" fillId="0" borderId="1" xfId="29" applyFont="1" applyFill="1" applyBorder="1" applyAlignment="1">
      <alignment horizontal="left" vertical="center" wrapText="1"/>
    </xf>
    <xf numFmtId="165" fontId="22"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8" fontId="24" fillId="0" borderId="1" xfId="29" applyNumberFormat="1" applyFont="1" applyFill="1" applyBorder="1" applyAlignment="1">
      <alignment horizontal="left" vertical="center"/>
    </xf>
    <xf numFmtId="0" fontId="26" fillId="0" borderId="1" xfId="19" applyFont="1" applyBorder="1" applyAlignment="1">
      <alignment horizontal="left" vertical="center" wrapText="1"/>
    </xf>
    <xf numFmtId="165" fontId="22"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8" fontId="24" fillId="0" borderId="1" xfId="27" applyNumberFormat="1" applyFont="1" applyFill="1" applyBorder="1" applyAlignment="1">
      <alignment horizontal="left" vertical="center"/>
    </xf>
    <xf numFmtId="165" fontId="22"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8" fontId="24" fillId="4" borderId="1" xfId="27" applyNumberFormat="1" applyFont="1" applyFill="1" applyBorder="1" applyAlignment="1">
      <alignment horizontal="left" vertical="center"/>
    </xf>
    <xf numFmtId="0" fontId="27" fillId="5" borderId="1" xfId="34" quotePrefix="1" applyFont="1" applyFill="1" applyBorder="1" applyAlignment="1">
      <alignment horizontal="left" vertical="top" wrapText="1"/>
    </xf>
    <xf numFmtId="0" fontId="20" fillId="7" borderId="1" xfId="34" applyFont="1" applyFill="1" applyBorder="1" applyAlignment="1">
      <alignment horizontal="left" vertical="top" wrapText="1"/>
    </xf>
    <xf numFmtId="168" fontId="20" fillId="7" borderId="1" xfId="34" applyNumberFormat="1" applyFont="1" applyFill="1" applyBorder="1" applyAlignment="1">
      <alignment horizontal="left" vertical="top" wrapText="1"/>
    </xf>
    <xf numFmtId="168" fontId="21" fillId="7" borderId="1" xfId="34" applyNumberFormat="1" applyFont="1" applyFill="1" applyBorder="1" applyAlignment="1">
      <alignment horizontal="left" vertical="top" wrapText="1"/>
    </xf>
    <xf numFmtId="0" fontId="23" fillId="7" borderId="1" xfId="17" applyFont="1" applyFill="1" applyBorder="1" applyAlignment="1">
      <alignment horizontal="left" vertical="top" wrapText="1"/>
    </xf>
    <xf numFmtId="168" fontId="23" fillId="7" borderId="1" xfId="34" applyNumberFormat="1" applyFont="1" applyFill="1" applyBorder="1" applyAlignment="1">
      <alignment horizontal="left" vertical="top" wrapText="1"/>
    </xf>
    <xf numFmtId="168" fontId="24" fillId="7" borderId="1" xfId="17" applyNumberFormat="1" applyFont="1" applyFill="1" applyBorder="1" applyAlignment="1">
      <alignment horizontal="left" vertical="top" wrapText="1"/>
    </xf>
    <xf numFmtId="165" fontId="22" fillId="0" borderId="1" xfId="39" applyNumberFormat="1" applyFont="1" applyFill="1" applyBorder="1" applyAlignment="1">
      <alignment horizontal="left" vertical="center"/>
    </xf>
    <xf numFmtId="168" fontId="22" fillId="0" borderId="1" xfId="37" applyNumberFormat="1" applyFont="1" applyFill="1" applyBorder="1" applyAlignment="1">
      <alignment horizontal="left" vertical="center"/>
    </xf>
    <xf numFmtId="168" fontId="24" fillId="0" borderId="1" xfId="39" applyNumberFormat="1" applyFont="1" applyFill="1" applyBorder="1" applyAlignment="1">
      <alignment horizontal="left" vertical="center"/>
    </xf>
    <xf numFmtId="165" fontId="22" fillId="4" borderId="1" xfId="39" applyNumberFormat="1" applyFont="1" applyFill="1" applyBorder="1" applyAlignment="1">
      <alignment horizontal="left" vertical="center"/>
    </xf>
    <xf numFmtId="168" fontId="22" fillId="4" borderId="1" xfId="37" applyNumberFormat="1" applyFont="1" applyFill="1" applyBorder="1" applyAlignment="1">
      <alignment horizontal="left" vertical="center"/>
    </xf>
    <xf numFmtId="168" fontId="24" fillId="4" borderId="1" xfId="39" applyNumberFormat="1" applyFont="1" applyFill="1" applyBorder="1" applyAlignment="1">
      <alignment horizontal="left" vertical="center"/>
    </xf>
    <xf numFmtId="165" fontId="22" fillId="0" borderId="1" xfId="36" applyNumberFormat="1" applyFont="1" applyFill="1" applyBorder="1" applyAlignment="1">
      <alignment horizontal="left" vertical="center"/>
    </xf>
    <xf numFmtId="168" fontId="22" fillId="0" borderId="1" xfId="36" applyNumberFormat="1" applyFont="1" applyFill="1" applyBorder="1" applyAlignment="1">
      <alignment horizontal="left" vertical="center"/>
    </xf>
    <xf numFmtId="168" fontId="24" fillId="0" borderId="1" xfId="36" applyNumberFormat="1" applyFont="1" applyFill="1" applyBorder="1" applyAlignment="1">
      <alignment horizontal="left" vertical="center"/>
    </xf>
    <xf numFmtId="165" fontId="22" fillId="4" borderId="1" xfId="36" applyNumberFormat="1" applyFont="1" applyFill="1" applyBorder="1" applyAlignment="1">
      <alignment horizontal="left" vertical="center"/>
    </xf>
    <xf numFmtId="168" fontId="22" fillId="4" borderId="1" xfId="36" applyNumberFormat="1" applyFont="1" applyFill="1" applyBorder="1" applyAlignment="1">
      <alignment horizontal="left" vertical="center"/>
    </xf>
    <xf numFmtId="168" fontId="24" fillId="4" borderId="1" xfId="36" applyNumberFormat="1" applyFont="1" applyFill="1" applyBorder="1" applyAlignment="1">
      <alignment horizontal="left" vertical="center"/>
    </xf>
    <xf numFmtId="165" fontId="22"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8" fontId="24" fillId="0" borderId="1" xfId="30" applyNumberFormat="1" applyFont="1" applyFill="1" applyBorder="1" applyAlignment="1">
      <alignment horizontal="left" vertical="center"/>
    </xf>
    <xf numFmtId="165" fontId="22" fillId="0" borderId="1" xfId="8" applyNumberFormat="1" applyFont="1" applyFill="1" applyBorder="1" applyAlignment="1">
      <alignment horizontal="left" vertical="center"/>
    </xf>
    <xf numFmtId="168" fontId="22" fillId="0" borderId="1" xfId="6" applyNumberFormat="1" applyFont="1" applyFill="1" applyBorder="1" applyAlignment="1">
      <alignment horizontal="left" vertical="center"/>
    </xf>
    <xf numFmtId="168" fontId="24" fillId="0" borderId="1" xfId="40" applyNumberFormat="1" applyFont="1" applyFill="1" applyBorder="1" applyAlignment="1">
      <alignment horizontal="left" vertical="center"/>
    </xf>
    <xf numFmtId="165" fontId="22" fillId="4" borderId="1" xfId="8" applyNumberFormat="1" applyFont="1" applyFill="1" applyBorder="1" applyAlignment="1">
      <alignment horizontal="left" vertical="center"/>
    </xf>
    <xf numFmtId="168" fontId="22" fillId="4" borderId="1" xfId="6" applyNumberFormat="1" applyFont="1" applyFill="1" applyBorder="1" applyAlignment="1">
      <alignment horizontal="left" vertical="center"/>
    </xf>
    <xf numFmtId="168" fontId="24" fillId="4" borderId="1" xfId="40" applyNumberFormat="1" applyFont="1" applyFill="1" applyBorder="1" applyAlignment="1">
      <alignment horizontal="left" vertical="center"/>
    </xf>
    <xf numFmtId="167" fontId="21" fillId="7" borderId="1" xfId="34" applyNumberFormat="1" applyFont="1" applyFill="1" applyBorder="1" applyAlignment="1">
      <alignment horizontal="left" vertical="top" wrapText="1"/>
    </xf>
    <xf numFmtId="167" fontId="21" fillId="6" borderId="1" xfId="34" applyNumberFormat="1" applyFont="1" applyFill="1" applyBorder="1" applyAlignment="1">
      <alignment horizontal="left" vertical="top" wrapText="1"/>
    </xf>
    <xf numFmtId="167" fontId="24" fillId="7" borderId="1" xfId="17" applyNumberFormat="1" applyFont="1" applyFill="1" applyBorder="1" applyAlignment="1">
      <alignment horizontal="left" vertical="top" wrapText="1"/>
    </xf>
    <xf numFmtId="167" fontId="24" fillId="6" borderId="1" xfId="17" applyNumberFormat="1" applyFont="1" applyFill="1" applyBorder="1" applyAlignment="1">
      <alignment horizontal="left" vertical="top" wrapText="1"/>
    </xf>
    <xf numFmtId="165" fontId="22" fillId="0" borderId="1" xfId="7" applyNumberFormat="1" applyFont="1" applyFill="1" applyBorder="1" applyAlignment="1">
      <alignment horizontal="left" vertical="center"/>
    </xf>
    <xf numFmtId="164" fontId="22" fillId="0" borderId="1" xfId="7" applyNumberFormat="1" applyFont="1" applyFill="1" applyBorder="1" applyAlignment="1">
      <alignment horizontal="left" vertical="center"/>
    </xf>
    <xf numFmtId="167" fontId="24" fillId="0" borderId="1" xfId="0" applyNumberFormat="1" applyFont="1" applyFill="1" applyBorder="1" applyAlignment="1">
      <alignment horizontal="left" vertical="center" wrapText="1"/>
    </xf>
    <xf numFmtId="165" fontId="22" fillId="4" borderId="1" xfId="7" applyNumberFormat="1" applyFont="1" applyFill="1" applyBorder="1" applyAlignment="1">
      <alignment horizontal="left" vertical="center"/>
    </xf>
    <xf numFmtId="164" fontId="22" fillId="4" borderId="1" xfId="7" applyNumberFormat="1" applyFont="1" applyFill="1" applyBorder="1" applyAlignment="1">
      <alignment horizontal="left" vertical="center"/>
    </xf>
    <xf numFmtId="167" fontId="24" fillId="4" borderId="1" xfId="0" applyNumberFormat="1" applyFont="1" applyFill="1" applyBorder="1" applyAlignment="1">
      <alignment horizontal="left" vertical="center" wrapText="1"/>
    </xf>
    <xf numFmtId="164" fontId="22" fillId="0" borderId="1" xfId="30" applyNumberFormat="1" applyFont="1" applyFill="1" applyBorder="1" applyAlignment="1">
      <alignment horizontal="left" vertical="center"/>
    </xf>
    <xf numFmtId="166" fontId="22" fillId="0" borderId="1" xfId="7" applyNumberFormat="1" applyFont="1" applyFill="1" applyBorder="1" applyAlignment="1">
      <alignment horizontal="left" vertical="center"/>
    </xf>
    <xf numFmtId="165" fontId="22" fillId="0" borderId="1" xfId="31" applyNumberFormat="1" applyFont="1" applyFill="1" applyBorder="1" applyAlignment="1">
      <alignment horizontal="left" vertical="center"/>
    </xf>
    <xf numFmtId="168" fontId="22" fillId="0" borderId="1" xfId="31" applyNumberFormat="1" applyFont="1" applyFill="1" applyBorder="1" applyAlignment="1">
      <alignment horizontal="left" vertical="center"/>
    </xf>
    <xf numFmtId="168" fontId="24" fillId="0" borderId="1" xfId="31" applyNumberFormat="1" applyFont="1" applyFill="1" applyBorder="1" applyAlignment="1">
      <alignment horizontal="left" vertical="center"/>
    </xf>
    <xf numFmtId="164" fontId="22" fillId="0" borderId="1" xfId="16" applyNumberFormat="1" applyFont="1" applyFill="1" applyBorder="1" applyAlignment="1">
      <alignment horizontal="left" vertical="center"/>
    </xf>
    <xf numFmtId="165" fontId="22" fillId="4" borderId="1" xfId="31" applyNumberFormat="1" applyFont="1" applyFill="1" applyBorder="1" applyAlignment="1">
      <alignment horizontal="left" vertical="center"/>
    </xf>
    <xf numFmtId="168" fontId="22" fillId="4" borderId="1" xfId="31" applyNumberFormat="1" applyFont="1" applyFill="1" applyBorder="1" applyAlignment="1">
      <alignment horizontal="left" vertical="center"/>
    </xf>
    <xf numFmtId="168" fontId="24" fillId="4" borderId="1" xfId="31" applyNumberFormat="1" applyFont="1" applyFill="1" applyBorder="1" applyAlignment="1">
      <alignment horizontal="left" vertical="center"/>
    </xf>
    <xf numFmtId="164" fontId="22" fillId="4" borderId="1" xfId="16" applyNumberFormat="1" applyFont="1" applyFill="1" applyBorder="1" applyAlignment="1">
      <alignment horizontal="left" vertical="center"/>
    </xf>
    <xf numFmtId="166" fontId="22" fillId="0" borderId="1" xfId="16" applyNumberFormat="1" applyFont="1" applyFill="1" applyBorder="1" applyAlignment="1">
      <alignment horizontal="left" vertical="center"/>
    </xf>
    <xf numFmtId="0" fontId="27" fillId="5" borderId="1" xfId="31" applyFont="1" applyFill="1" applyBorder="1" applyAlignment="1">
      <alignment vertical="top" wrapText="1"/>
    </xf>
    <xf numFmtId="0" fontId="28" fillId="6" borderId="1" xfId="0" applyFont="1" applyFill="1" applyBorder="1" applyAlignment="1">
      <alignment horizontal="left" vertical="top"/>
    </xf>
    <xf numFmtId="0" fontId="29" fillId="6" borderId="1" xfId="0" applyFont="1" applyFill="1" applyBorder="1" applyAlignment="1">
      <alignment vertical="center"/>
    </xf>
    <xf numFmtId="165" fontId="22" fillId="0" borderId="1" xfId="18" applyNumberFormat="1" applyFont="1" applyFill="1" applyBorder="1" applyAlignment="1">
      <alignment horizontal="left" vertical="center"/>
    </xf>
    <xf numFmtId="164" fontId="22" fillId="0" borderId="1" xfId="18" applyNumberFormat="1" applyFont="1" applyFill="1" applyBorder="1" applyAlignment="1">
      <alignment horizontal="left" vertical="center"/>
    </xf>
    <xf numFmtId="165" fontId="22" fillId="4" borderId="1" xfId="18" applyNumberFormat="1" applyFont="1" applyFill="1" applyBorder="1" applyAlignment="1">
      <alignment horizontal="left" vertical="center"/>
    </xf>
    <xf numFmtId="164" fontId="22" fillId="4" borderId="1" xfId="18" applyNumberFormat="1" applyFont="1" applyFill="1" applyBorder="1" applyAlignment="1">
      <alignment horizontal="left" vertical="center"/>
    </xf>
    <xf numFmtId="165" fontId="22" fillId="0" borderId="1" xfId="13" applyNumberFormat="1" applyFont="1" applyFill="1" applyBorder="1" applyAlignment="1">
      <alignment horizontal="left" vertical="center"/>
    </xf>
    <xf numFmtId="168" fontId="22" fillId="0" borderId="1" xfId="13" applyNumberFormat="1" applyFont="1" applyFill="1" applyBorder="1" applyAlignment="1">
      <alignment horizontal="left" vertical="center"/>
    </xf>
    <xf numFmtId="168" fontId="24" fillId="0" borderId="1" xfId="13" applyNumberFormat="1" applyFont="1" applyFill="1" applyBorder="1" applyAlignment="1">
      <alignment horizontal="left" vertical="center"/>
    </xf>
    <xf numFmtId="165" fontId="22"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8" fontId="24" fillId="4" borderId="1" xfId="13" applyNumberFormat="1" applyFont="1" applyFill="1" applyBorder="1" applyAlignment="1">
      <alignment horizontal="left" vertical="center"/>
    </xf>
    <xf numFmtId="165" fontId="22" fillId="0" borderId="1" xfId="0" applyNumberFormat="1" applyFont="1" applyFill="1" applyBorder="1" applyAlignment="1">
      <alignment horizontal="left" vertical="center"/>
    </xf>
    <xf numFmtId="164" fontId="22" fillId="0" borderId="1" xfId="14" applyNumberFormat="1" applyFont="1" applyFill="1" applyBorder="1" applyAlignment="1">
      <alignment horizontal="left" vertical="center"/>
    </xf>
    <xf numFmtId="165" fontId="22" fillId="0" borderId="1" xfId="14" applyNumberFormat="1" applyFont="1" applyFill="1" applyBorder="1" applyAlignment="1">
      <alignment horizontal="left" vertical="center"/>
    </xf>
    <xf numFmtId="165" fontId="22" fillId="4" borderId="1" xfId="0" applyNumberFormat="1" applyFont="1" applyFill="1" applyBorder="1" applyAlignment="1">
      <alignment horizontal="left" vertical="center"/>
    </xf>
    <xf numFmtId="164" fontId="22" fillId="4" borderId="1" xfId="14" applyNumberFormat="1" applyFont="1" applyFill="1" applyBorder="1" applyAlignment="1">
      <alignment horizontal="left" vertical="center"/>
    </xf>
    <xf numFmtId="165" fontId="22" fillId="4" borderId="1" xfId="14" applyNumberFormat="1" applyFont="1" applyFill="1" applyBorder="1" applyAlignment="1">
      <alignment horizontal="left" vertical="center"/>
    </xf>
    <xf numFmtId="166" fontId="22" fillId="4" borderId="1" xfId="14" applyNumberFormat="1" applyFont="1" applyFill="1" applyBorder="1" applyAlignment="1">
      <alignment horizontal="left" vertical="center"/>
    </xf>
    <xf numFmtId="168" fontId="23" fillId="6" borderId="1" xfId="17" applyNumberFormat="1" applyFont="1" applyFill="1" applyBorder="1" applyAlignment="1">
      <alignment horizontal="left" vertical="top" wrapText="1"/>
    </xf>
    <xf numFmtId="165" fontId="22" fillId="0" borderId="1" xfId="33"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4" fillId="0" borderId="1" xfId="0" applyNumberFormat="1" applyFont="1" applyFill="1" applyBorder="1" applyAlignment="1">
      <alignment horizontal="left" vertical="center"/>
    </xf>
    <xf numFmtId="164" fontId="22" fillId="0" borderId="1" xfId="33" applyNumberFormat="1" applyFont="1" applyFill="1" applyBorder="1" applyAlignment="1">
      <alignment horizontal="left" vertical="center"/>
    </xf>
    <xf numFmtId="165" fontId="22" fillId="4"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8" fontId="24" fillId="4" borderId="1" xfId="0" applyNumberFormat="1" applyFont="1" applyFill="1" applyBorder="1" applyAlignment="1">
      <alignment horizontal="left" vertical="center"/>
    </xf>
    <xf numFmtId="164" fontId="22" fillId="4" borderId="1" xfId="33" applyNumberFormat="1" applyFont="1" applyFill="1" applyBorder="1" applyAlignment="1">
      <alignment horizontal="left" vertical="center"/>
    </xf>
    <xf numFmtId="165" fontId="22" fillId="0" borderId="1" xfId="32"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8" fontId="24" fillId="0" borderId="1" xfId="32" applyNumberFormat="1" applyFont="1" applyFill="1" applyBorder="1" applyAlignment="1">
      <alignment horizontal="left" vertical="center"/>
    </xf>
    <xf numFmtId="165" fontId="22" fillId="4" borderId="1" xfId="32"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8" fontId="24" fillId="4" borderId="1" xfId="32" applyNumberFormat="1" applyFont="1" applyFill="1" applyBorder="1" applyAlignment="1">
      <alignment horizontal="left" vertical="center"/>
    </xf>
    <xf numFmtId="165" fontId="22" fillId="0" borderId="1" xfId="5" applyNumberFormat="1" applyFont="1" applyFill="1" applyBorder="1" applyAlignment="1">
      <alignment horizontal="left" vertical="center"/>
    </xf>
    <xf numFmtId="164" fontId="22" fillId="0" borderId="1" xfId="5" applyNumberFormat="1" applyFont="1" applyFill="1" applyBorder="1" applyAlignment="1">
      <alignment horizontal="left" vertical="center"/>
    </xf>
    <xf numFmtId="165" fontId="22" fillId="4" borderId="1" xfId="5" applyNumberFormat="1" applyFont="1" applyFill="1" applyBorder="1" applyAlignment="1">
      <alignment horizontal="left" vertical="center"/>
    </xf>
    <xf numFmtId="164" fontId="22" fillId="4" borderId="1" xfId="5" applyNumberFormat="1" applyFont="1" applyFill="1" applyBorder="1" applyAlignment="1">
      <alignment horizontal="left" vertical="center"/>
    </xf>
    <xf numFmtId="165" fontId="22"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7" fontId="22" fillId="0" borderId="1" xfId="11" applyNumberFormat="1" applyFont="1" applyFill="1" applyBorder="1" applyAlignment="1">
      <alignment horizontal="left" vertical="center"/>
    </xf>
    <xf numFmtId="164" fontId="22" fillId="0" borderId="1" xfId="11" applyNumberFormat="1" applyFont="1" applyFill="1" applyBorder="1" applyAlignment="1">
      <alignment horizontal="left" vertical="center"/>
    </xf>
    <xf numFmtId="165" fontId="22"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7" fontId="22" fillId="4" borderId="1" xfId="11" applyNumberFormat="1" applyFont="1" applyFill="1" applyBorder="1" applyAlignment="1">
      <alignment horizontal="left" vertical="center"/>
    </xf>
    <xf numFmtId="164" fontId="22" fillId="4" borderId="1" xfId="11" applyNumberFormat="1" applyFont="1" applyFill="1" applyBorder="1" applyAlignment="1">
      <alignment horizontal="left" vertical="center"/>
    </xf>
    <xf numFmtId="165" fontId="22" fillId="0" borderId="1" xfId="15"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168" fontId="24" fillId="0" borderId="1" xfId="15" applyNumberFormat="1" applyFont="1" applyFill="1" applyBorder="1" applyAlignment="1">
      <alignment horizontal="left" vertical="center"/>
    </xf>
    <xf numFmtId="164" fontId="22" fillId="0" borderId="1" xfId="15" applyNumberFormat="1" applyFont="1" applyFill="1" applyBorder="1" applyAlignment="1">
      <alignment horizontal="left" vertical="center"/>
    </xf>
    <xf numFmtId="165" fontId="22" fillId="4" borderId="1" xfId="15"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168" fontId="24" fillId="4" borderId="1" xfId="15" applyNumberFormat="1" applyFont="1" applyFill="1" applyBorder="1" applyAlignment="1">
      <alignment horizontal="left" vertical="center"/>
    </xf>
    <xf numFmtId="164" fontId="22" fillId="4" borderId="1" xfId="15" applyNumberFormat="1" applyFont="1" applyFill="1" applyBorder="1" applyAlignment="1">
      <alignment horizontal="left" vertical="center"/>
    </xf>
    <xf numFmtId="165" fontId="22" fillId="0" borderId="1" xfId="28" applyNumberFormat="1" applyFont="1" applyFill="1" applyBorder="1" applyAlignment="1">
      <alignment horizontal="left" vertical="center"/>
    </xf>
    <xf numFmtId="168" fontId="22" fillId="0" borderId="1" xfId="42" applyNumberFormat="1" applyFont="1" applyFill="1" applyBorder="1" applyAlignment="1">
      <alignment horizontal="left" vertical="center"/>
    </xf>
    <xf numFmtId="168" fontId="24" fillId="0" borderId="1" xfId="28" applyNumberFormat="1" applyFont="1" applyFill="1" applyBorder="1" applyAlignment="1">
      <alignment horizontal="left" vertical="center"/>
    </xf>
    <xf numFmtId="165" fontId="22" fillId="4" borderId="1" xfId="28" applyNumberFormat="1" applyFont="1" applyFill="1" applyBorder="1" applyAlignment="1">
      <alignment horizontal="left" vertical="center"/>
    </xf>
    <xf numFmtId="168" fontId="22" fillId="4" borderId="1" xfId="42" applyNumberFormat="1" applyFont="1" applyFill="1" applyBorder="1" applyAlignment="1">
      <alignment horizontal="left" vertical="center"/>
    </xf>
    <xf numFmtId="168" fontId="24" fillId="4" borderId="1" xfId="28" applyNumberFormat="1" applyFont="1" applyFill="1" applyBorder="1" applyAlignment="1">
      <alignment horizontal="left" vertical="center"/>
    </xf>
    <xf numFmtId="164" fontId="22" fillId="0" borderId="1" xfId="28" applyNumberFormat="1" applyFont="1" applyFill="1" applyBorder="1" applyAlignment="1">
      <alignment horizontal="left" vertical="center"/>
    </xf>
    <xf numFmtId="164" fontId="22" fillId="4" borderId="1" xfId="28" applyNumberFormat="1" applyFont="1" applyFill="1" applyBorder="1" applyAlignment="1">
      <alignment horizontal="left" vertical="center"/>
    </xf>
    <xf numFmtId="165" fontId="22" fillId="0" borderId="1" xfId="4" applyNumberFormat="1" applyFont="1" applyFill="1" applyBorder="1" applyAlignment="1">
      <alignment horizontal="left" vertical="center"/>
    </xf>
    <xf numFmtId="168" fontId="22" fillId="0" borderId="1" xfId="4" applyNumberFormat="1" applyFont="1" applyFill="1" applyBorder="1" applyAlignment="1">
      <alignment horizontal="left" vertical="center"/>
    </xf>
    <xf numFmtId="168" fontId="24" fillId="0" borderId="1" xfId="4" applyNumberFormat="1" applyFont="1" applyFill="1" applyBorder="1" applyAlignment="1">
      <alignment horizontal="left" vertical="center"/>
    </xf>
    <xf numFmtId="165" fontId="22" fillId="4" borderId="1" xfId="4" applyNumberFormat="1" applyFont="1" applyFill="1" applyBorder="1" applyAlignment="1">
      <alignment horizontal="left" vertical="center"/>
    </xf>
    <xf numFmtId="168" fontId="22" fillId="4" borderId="1" xfId="4" applyNumberFormat="1" applyFont="1" applyFill="1" applyBorder="1" applyAlignment="1">
      <alignment horizontal="left" vertical="center"/>
    </xf>
    <xf numFmtId="168" fontId="24" fillId="4" borderId="1" xfId="4" applyNumberFormat="1" applyFont="1" applyFill="1" applyBorder="1" applyAlignment="1">
      <alignment horizontal="left" vertical="center"/>
    </xf>
    <xf numFmtId="165" fontId="22" fillId="0" borderId="1" xfId="41" applyNumberFormat="1" applyFont="1" applyFill="1" applyBorder="1" applyAlignment="1">
      <alignment horizontal="left" vertical="center"/>
    </xf>
    <xf numFmtId="164" fontId="22" fillId="0" borderId="1" xfId="41" applyNumberFormat="1" applyFont="1" applyFill="1" applyBorder="1" applyAlignment="1">
      <alignment horizontal="left" vertical="center"/>
    </xf>
    <xf numFmtId="165" fontId="22" fillId="4" borderId="1" xfId="41" applyNumberFormat="1" applyFont="1" applyFill="1" applyBorder="1" applyAlignment="1">
      <alignment horizontal="left" vertical="center"/>
    </xf>
    <xf numFmtId="164" fontId="22" fillId="4" borderId="1" xfId="41" applyNumberFormat="1" applyFont="1" applyFill="1" applyBorder="1" applyAlignment="1">
      <alignment horizontal="left" vertical="center"/>
    </xf>
    <xf numFmtId="164" fontId="22" fillId="0" borderId="1" xfId="29" applyNumberFormat="1" applyFont="1" applyFill="1" applyBorder="1" applyAlignment="1">
      <alignment horizontal="left" vertical="center"/>
    </xf>
    <xf numFmtId="165" fontId="22" fillId="0" borderId="1" xfId="40" applyNumberFormat="1" applyFont="1" applyFill="1" applyBorder="1" applyAlignment="1">
      <alignment horizontal="left" vertical="center"/>
    </xf>
    <xf numFmtId="168" fontId="22" fillId="0" borderId="1" xfId="40" applyNumberFormat="1" applyFont="1" applyFill="1" applyBorder="1" applyAlignment="1">
      <alignment horizontal="left" vertical="center"/>
    </xf>
    <xf numFmtId="165" fontId="22" fillId="4" borderId="1" xfId="40" applyNumberFormat="1" applyFont="1" applyFill="1" applyBorder="1" applyAlignment="1">
      <alignment horizontal="left" vertical="center"/>
    </xf>
    <xf numFmtId="168" fontId="22" fillId="4" borderId="1" xfId="40" applyNumberFormat="1" applyFont="1" applyFill="1" applyBorder="1" applyAlignment="1">
      <alignment horizontal="left" vertical="center"/>
    </xf>
    <xf numFmtId="164" fontId="22" fillId="0" borderId="1" xfId="40" applyNumberFormat="1" applyFont="1" applyFill="1" applyBorder="1" applyAlignment="1">
      <alignment horizontal="left" vertical="center"/>
    </xf>
    <xf numFmtId="164" fontId="22" fillId="4" borderId="1" xfId="40" applyNumberFormat="1" applyFont="1" applyFill="1" applyBorder="1" applyAlignment="1">
      <alignment horizontal="left" vertical="center"/>
    </xf>
    <xf numFmtId="165" fontId="22" fillId="0" borderId="1" xfId="9" applyNumberFormat="1" applyFont="1" applyFill="1" applyBorder="1" applyAlignment="1">
      <alignment horizontal="left" vertical="center"/>
    </xf>
    <xf numFmtId="168" fontId="22" fillId="0" borderId="1" xfId="9" applyNumberFormat="1" applyFont="1" applyFill="1" applyBorder="1" applyAlignment="1">
      <alignment horizontal="left" vertical="center"/>
    </xf>
    <xf numFmtId="165" fontId="22" fillId="4" borderId="1" xfId="9" applyNumberFormat="1" applyFont="1" applyFill="1" applyBorder="1" applyAlignment="1">
      <alignment horizontal="left" vertical="center"/>
    </xf>
    <xf numFmtId="168" fontId="22" fillId="4" borderId="1" xfId="9" applyNumberFormat="1" applyFont="1" applyFill="1" applyBorder="1" applyAlignment="1">
      <alignment horizontal="left" vertical="center"/>
    </xf>
    <xf numFmtId="165" fontId="22" fillId="0" borderId="1" xfId="34" applyNumberFormat="1" applyFont="1" applyFill="1" applyBorder="1" applyAlignment="1">
      <alignment horizontal="left" vertical="center"/>
    </xf>
    <xf numFmtId="164" fontId="22" fillId="0" borderId="1" xfId="34" applyNumberFormat="1" applyFont="1" applyFill="1" applyBorder="1" applyAlignment="1">
      <alignment horizontal="left" vertical="center"/>
    </xf>
    <xf numFmtId="164" fontId="22" fillId="0" borderId="1" xfId="9" applyNumberFormat="1" applyFont="1" applyFill="1" applyBorder="1" applyAlignment="1">
      <alignment horizontal="left" vertical="center"/>
    </xf>
    <xf numFmtId="165" fontId="22" fillId="4" borderId="1" xfId="34" applyNumberFormat="1" applyFont="1" applyFill="1" applyBorder="1" applyAlignment="1">
      <alignment horizontal="left" vertical="center"/>
    </xf>
    <xf numFmtId="164" fontId="22" fillId="4" borderId="1" xfId="34" applyNumberFormat="1" applyFont="1" applyFill="1" applyBorder="1" applyAlignment="1">
      <alignment horizontal="left" vertical="center"/>
    </xf>
    <xf numFmtId="164" fontId="22" fillId="4" borderId="1" xfId="9" applyNumberFormat="1" applyFont="1" applyFill="1" applyBorder="1" applyAlignment="1">
      <alignment horizontal="left" vertical="center"/>
    </xf>
    <xf numFmtId="165" fontId="22" fillId="0" borderId="1" xfId="10" applyNumberFormat="1" applyFont="1" applyFill="1" applyBorder="1" applyAlignment="1">
      <alignment horizontal="left" vertical="center"/>
    </xf>
    <xf numFmtId="168" fontId="22" fillId="0" borderId="1" xfId="10" applyNumberFormat="1" applyFont="1" applyFill="1" applyBorder="1" applyAlignment="1">
      <alignment horizontal="left" vertical="center"/>
    </xf>
    <xf numFmtId="165" fontId="22"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2" fillId="0" borderId="1" xfId="10" applyNumberFormat="1" applyFont="1" applyFill="1" applyBorder="1" applyAlignment="1">
      <alignment horizontal="left" vertical="center"/>
    </xf>
    <xf numFmtId="164" fontId="22" fillId="4" borderId="1" xfId="10" applyNumberFormat="1" applyFont="1" applyFill="1" applyBorder="1" applyAlignment="1">
      <alignment horizontal="left" vertical="center"/>
    </xf>
    <xf numFmtId="165" fontId="22" fillId="0" borderId="1" xfId="12" applyNumberFormat="1" applyFont="1" applyFill="1" applyBorder="1" applyAlignment="1">
      <alignment horizontal="left" vertical="center"/>
    </xf>
    <xf numFmtId="168" fontId="22" fillId="0" borderId="1" xfId="12" applyNumberFormat="1" applyFont="1" applyFill="1" applyBorder="1" applyAlignment="1">
      <alignment horizontal="left" vertical="center"/>
    </xf>
    <xf numFmtId="168" fontId="24" fillId="0" borderId="1" xfId="12" applyNumberFormat="1" applyFont="1" applyFill="1" applyBorder="1" applyAlignment="1">
      <alignment horizontal="left" vertical="center"/>
    </xf>
    <xf numFmtId="165" fontId="22" fillId="4" borderId="1" xfId="12" applyNumberFormat="1" applyFont="1" applyFill="1" applyBorder="1" applyAlignment="1">
      <alignment horizontal="left" vertical="center"/>
    </xf>
    <xf numFmtId="168" fontId="22" fillId="4" borderId="1" xfId="12" applyNumberFormat="1" applyFont="1" applyFill="1" applyBorder="1" applyAlignment="1">
      <alignment horizontal="left" vertical="center"/>
    </xf>
    <xf numFmtId="168" fontId="24" fillId="4" borderId="1" xfId="12" applyNumberFormat="1" applyFont="1" applyFill="1" applyBorder="1" applyAlignment="1">
      <alignment horizontal="left" vertical="center"/>
    </xf>
    <xf numFmtId="164" fontId="22" fillId="0" borderId="1" xfId="12" applyNumberFormat="1" applyFont="1" applyFill="1" applyBorder="1" applyAlignment="1">
      <alignment horizontal="left" vertical="center"/>
    </xf>
    <xf numFmtId="164" fontId="22" fillId="4" borderId="1" xfId="12" applyNumberFormat="1" applyFont="1" applyFill="1" applyBorder="1" applyAlignment="1">
      <alignment horizontal="left" vertical="center"/>
    </xf>
    <xf numFmtId="165" fontId="22" fillId="0" borderId="1" xfId="43" applyNumberFormat="1" applyFont="1" applyFill="1" applyBorder="1" applyAlignment="1">
      <alignment horizontal="left" vertical="center"/>
    </xf>
    <xf numFmtId="164" fontId="22" fillId="0" borderId="1" xfId="43" applyNumberFormat="1" applyFont="1" applyFill="1" applyBorder="1" applyAlignment="1">
      <alignment horizontal="left" vertical="center"/>
    </xf>
    <xf numFmtId="165" fontId="22" fillId="4" borderId="1" xfId="43" applyNumberFormat="1" applyFont="1" applyFill="1" applyBorder="1" applyAlignment="1">
      <alignment horizontal="left" vertical="center"/>
    </xf>
    <xf numFmtId="164" fontId="22" fillId="4" borderId="1" xfId="43" applyNumberFormat="1" applyFont="1" applyFill="1" applyBorder="1" applyAlignment="1">
      <alignment horizontal="left" vertical="center"/>
    </xf>
    <xf numFmtId="165" fontId="22" fillId="0" borderId="1" xfId="3" applyNumberFormat="1" applyFont="1" applyFill="1" applyBorder="1" applyAlignment="1">
      <alignment horizontal="left" vertical="center"/>
    </xf>
    <xf numFmtId="168" fontId="22" fillId="0" borderId="1" xfId="35" applyNumberFormat="1" applyFont="1" applyFill="1" applyBorder="1" applyAlignment="1">
      <alignment horizontal="left" vertical="center"/>
    </xf>
    <xf numFmtId="165" fontId="22" fillId="4" borderId="1" xfId="3" applyNumberFormat="1" applyFont="1" applyFill="1" applyBorder="1" applyAlignment="1">
      <alignment horizontal="left" vertical="center"/>
    </xf>
    <xf numFmtId="168" fontId="22" fillId="4" borderId="1" xfId="35" applyNumberFormat="1" applyFont="1" applyFill="1" applyBorder="1" applyAlignment="1">
      <alignment horizontal="left" vertical="center"/>
    </xf>
    <xf numFmtId="164" fontId="22" fillId="0" borderId="1" xfId="3" applyNumberFormat="1" applyFont="1" applyFill="1" applyBorder="1" applyAlignment="1">
      <alignment horizontal="left" vertical="center"/>
    </xf>
    <xf numFmtId="164" fontId="22" fillId="4" borderId="1" xfId="3" applyNumberFormat="1" applyFont="1" applyFill="1" applyBorder="1" applyAlignment="1">
      <alignment horizontal="left" vertical="center"/>
    </xf>
    <xf numFmtId="165" fontId="22" fillId="0" borderId="1" xfId="38" applyNumberFormat="1" applyFont="1" applyFill="1" applyBorder="1" applyAlignment="1">
      <alignment horizontal="left" vertical="center"/>
    </xf>
    <xf numFmtId="168" fontId="22" fillId="0" borderId="1" xfId="38" applyNumberFormat="1" applyFont="1" applyFill="1" applyBorder="1" applyAlignment="1">
      <alignment horizontal="left" vertical="center"/>
    </xf>
    <xf numFmtId="168" fontId="24" fillId="0" borderId="1" xfId="22" applyNumberFormat="1" applyFont="1" applyFill="1" applyBorder="1" applyAlignment="1">
      <alignment horizontal="left" vertical="center"/>
    </xf>
    <xf numFmtId="165" fontId="22" fillId="4" borderId="1" xfId="38" applyNumberFormat="1" applyFont="1" applyFill="1" applyBorder="1" applyAlignment="1">
      <alignment horizontal="left" vertical="center"/>
    </xf>
    <xf numFmtId="168" fontId="22" fillId="4" borderId="1" xfId="38" applyNumberFormat="1" applyFont="1" applyFill="1" applyBorder="1" applyAlignment="1">
      <alignment horizontal="left" vertical="center"/>
    </xf>
    <xf numFmtId="168" fontId="24" fillId="4" borderId="1" xfId="22" applyNumberFormat="1" applyFont="1" applyFill="1" applyBorder="1" applyAlignment="1">
      <alignment horizontal="left" vertical="center"/>
    </xf>
    <xf numFmtId="164" fontId="22" fillId="0" borderId="1" xfId="38" applyNumberFormat="1" applyFont="1" applyFill="1" applyBorder="1" applyAlignment="1">
      <alignment horizontal="left" vertical="center"/>
    </xf>
    <xf numFmtId="164" fontId="22" fillId="4" borderId="1" xfId="38" applyNumberFormat="1" applyFont="1" applyFill="1" applyBorder="1" applyAlignment="1">
      <alignment horizontal="left" vertical="center"/>
    </xf>
    <xf numFmtId="166" fontId="22" fillId="4" borderId="1" xfId="38" applyNumberFormat="1" applyFont="1" applyFill="1" applyBorder="1" applyAlignment="1">
      <alignment horizontal="left" vertical="center"/>
    </xf>
    <xf numFmtId="166" fontId="22" fillId="0" borderId="1" xfId="38" applyNumberFormat="1" applyFont="1" applyFill="1" applyBorder="1" applyAlignment="1">
      <alignment horizontal="left" vertical="center"/>
    </xf>
    <xf numFmtId="165" fontId="22"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5" fontId="22" fillId="4" borderId="1" xfId="25" applyNumberFormat="1" applyFont="1" applyFill="1" applyBorder="1" applyAlignment="1">
      <alignment horizontal="left" vertical="center"/>
    </xf>
    <xf numFmtId="168" fontId="22" fillId="4" borderId="1" xfId="25" applyNumberFormat="1" applyFont="1" applyFill="1" applyBorder="1" applyAlignment="1">
      <alignment horizontal="left" vertical="center"/>
    </xf>
    <xf numFmtId="164" fontId="22" fillId="0" borderId="1" xfId="25" applyNumberFormat="1" applyFont="1" applyFill="1" applyBorder="1" applyAlignment="1">
      <alignment horizontal="left" vertical="center"/>
    </xf>
    <xf numFmtId="164" fontId="22" fillId="4" borderId="1" xfId="25" applyNumberFormat="1" applyFont="1" applyFill="1" applyBorder="1" applyAlignment="1">
      <alignment horizontal="left" vertical="center"/>
    </xf>
    <xf numFmtId="165" fontId="22"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168" fontId="24" fillId="0" borderId="1" xfId="24" applyNumberFormat="1" applyFont="1" applyFill="1" applyBorder="1" applyAlignment="1">
      <alignment horizontal="left" vertical="center"/>
    </xf>
    <xf numFmtId="165" fontId="22" fillId="4" borderId="1" xfId="24" applyNumberFormat="1" applyFont="1" applyFill="1" applyBorder="1" applyAlignment="1">
      <alignment horizontal="left" vertical="center"/>
    </xf>
    <xf numFmtId="168" fontId="22" fillId="4" borderId="1" xfId="24" applyNumberFormat="1" applyFont="1" applyFill="1" applyBorder="1" applyAlignment="1">
      <alignment horizontal="left" vertical="center"/>
    </xf>
    <xf numFmtId="168" fontId="24" fillId="4" borderId="1" xfId="24" applyNumberFormat="1" applyFont="1" applyFill="1" applyBorder="1" applyAlignment="1">
      <alignment horizontal="left" vertical="center"/>
    </xf>
    <xf numFmtId="164" fontId="22" fillId="0" borderId="1" xfId="24" applyNumberFormat="1" applyFont="1" applyFill="1" applyBorder="1" applyAlignment="1">
      <alignment horizontal="left" vertical="center"/>
    </xf>
    <xf numFmtId="164" fontId="22" fillId="4" borderId="1" xfId="24" applyNumberFormat="1" applyFont="1" applyFill="1" applyBorder="1" applyAlignment="1">
      <alignment horizontal="left" vertical="center"/>
    </xf>
    <xf numFmtId="165" fontId="22" fillId="0" borderId="1" xfId="21" applyNumberFormat="1" applyFont="1" applyFill="1" applyBorder="1" applyAlignment="1">
      <alignment horizontal="left" vertical="center"/>
    </xf>
    <xf numFmtId="168" fontId="22" fillId="0" borderId="1" xfId="21" applyNumberFormat="1" applyFont="1" applyFill="1" applyBorder="1" applyAlignment="1">
      <alignment horizontal="left" vertical="center"/>
    </xf>
    <xf numFmtId="168" fontId="24" fillId="0" borderId="1" xfId="21" applyNumberFormat="1" applyFont="1" applyFill="1" applyBorder="1" applyAlignment="1">
      <alignment horizontal="left" vertical="center"/>
    </xf>
    <xf numFmtId="165" fontId="22" fillId="4" borderId="1" xfId="21" applyNumberFormat="1" applyFont="1" applyFill="1" applyBorder="1" applyAlignment="1">
      <alignment horizontal="left" vertical="center"/>
    </xf>
    <xf numFmtId="168" fontId="22" fillId="4" borderId="1" xfId="21" applyNumberFormat="1" applyFont="1" applyFill="1" applyBorder="1" applyAlignment="1">
      <alignment horizontal="left" vertical="center"/>
    </xf>
    <xf numFmtId="168" fontId="24" fillId="4" borderId="1" xfId="21" applyNumberFormat="1" applyFont="1" applyFill="1" applyBorder="1" applyAlignment="1">
      <alignment horizontal="left" vertical="center"/>
    </xf>
    <xf numFmtId="164" fontId="22" fillId="0" borderId="1" xfId="21" applyNumberFormat="1" applyFont="1" applyFill="1" applyBorder="1" applyAlignment="1">
      <alignment horizontal="left" vertical="center"/>
    </xf>
    <xf numFmtId="164" fontId="22" fillId="4" borderId="1" xfId="21" applyNumberFormat="1" applyFont="1" applyFill="1" applyBorder="1" applyAlignment="1">
      <alignment horizontal="left" vertical="center"/>
    </xf>
    <xf numFmtId="165" fontId="22"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8" fontId="24" fillId="0" borderId="1" xfId="26" applyNumberFormat="1" applyFont="1" applyFill="1" applyBorder="1" applyAlignment="1">
      <alignment horizontal="left" vertical="center"/>
    </xf>
    <xf numFmtId="165" fontId="22"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8" fontId="24" fillId="4" borderId="1" xfId="26" applyNumberFormat="1" applyFont="1" applyFill="1" applyBorder="1" applyAlignment="1">
      <alignment horizontal="left" vertical="center"/>
    </xf>
    <xf numFmtId="164" fontId="22" fillId="0" borderId="1" xfId="26" applyNumberFormat="1" applyFont="1" applyFill="1" applyBorder="1" applyAlignment="1">
      <alignment horizontal="left" vertical="center"/>
    </xf>
    <xf numFmtId="164" fontId="22" fillId="4" borderId="1" xfId="26" applyNumberFormat="1" applyFont="1" applyFill="1" applyBorder="1" applyAlignment="1">
      <alignment horizontal="left" vertical="center"/>
    </xf>
    <xf numFmtId="165" fontId="22" fillId="0" borderId="1" xfId="20" applyNumberFormat="1" applyFont="1" applyFill="1" applyBorder="1" applyAlignment="1">
      <alignment horizontal="left" vertical="center"/>
    </xf>
    <xf numFmtId="168" fontId="22" fillId="0" borderId="1" xfId="20" applyNumberFormat="1" applyFont="1" applyFill="1" applyBorder="1" applyAlignment="1">
      <alignment horizontal="left" vertical="center"/>
    </xf>
    <xf numFmtId="168" fontId="24" fillId="0" borderId="1" xfId="20" applyNumberFormat="1" applyFont="1" applyFill="1" applyBorder="1" applyAlignment="1">
      <alignment horizontal="left" vertical="center"/>
    </xf>
    <xf numFmtId="165" fontId="22"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8" fontId="24" fillId="4" borderId="1" xfId="20" applyNumberFormat="1" applyFont="1" applyFill="1" applyBorder="1" applyAlignment="1">
      <alignment horizontal="left" vertical="center"/>
    </xf>
    <xf numFmtId="164" fontId="22" fillId="0" borderId="1" xfId="20" applyNumberFormat="1" applyFont="1" applyFill="1" applyBorder="1" applyAlignment="1">
      <alignment horizontal="left" vertical="center"/>
    </xf>
    <xf numFmtId="164" fontId="22" fillId="4" borderId="1" xfId="20" applyNumberFormat="1" applyFont="1" applyFill="1" applyBorder="1" applyAlignment="1">
      <alignment horizontal="left" vertical="center"/>
    </xf>
    <xf numFmtId="165" fontId="22" fillId="0" borderId="1" xfId="23" applyNumberFormat="1" applyFont="1" applyFill="1" applyBorder="1" applyAlignment="1">
      <alignment horizontal="left" vertical="center"/>
    </xf>
    <xf numFmtId="168" fontId="22" fillId="0" borderId="1" xfId="23" applyNumberFormat="1" applyFont="1" applyFill="1" applyBorder="1" applyAlignment="1">
      <alignment horizontal="left" vertical="center"/>
    </xf>
    <xf numFmtId="168" fontId="24" fillId="0" borderId="1" xfId="23" applyNumberFormat="1" applyFont="1" applyFill="1" applyBorder="1" applyAlignment="1">
      <alignment horizontal="left" vertical="center"/>
    </xf>
    <xf numFmtId="165" fontId="22" fillId="4" borderId="1" xfId="23"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8" fontId="24" fillId="4" borderId="1" xfId="23" applyNumberFormat="1" applyFont="1" applyFill="1" applyBorder="1" applyAlignment="1">
      <alignment horizontal="left" vertical="center"/>
    </xf>
    <xf numFmtId="164" fontId="22" fillId="0" borderId="1" xfId="23" applyNumberFormat="1" applyFont="1" applyFill="1" applyBorder="1" applyAlignment="1">
      <alignment horizontal="left" vertical="center"/>
    </xf>
    <xf numFmtId="164" fontId="22" fillId="4" borderId="1" xfId="23" applyNumberFormat="1" applyFont="1" applyFill="1" applyBorder="1" applyAlignment="1">
      <alignment horizontal="left" vertical="center"/>
    </xf>
    <xf numFmtId="165" fontId="22" fillId="0" borderId="1" xfId="29" applyNumberFormat="1" applyFont="1" applyFill="1" applyBorder="1" applyAlignment="1">
      <alignment horizontal="left" vertical="center" wrapText="1"/>
    </xf>
    <xf numFmtId="166" fontId="22" fillId="0" borderId="1" xfId="23" applyNumberFormat="1" applyFont="1" applyFill="1" applyBorder="1" applyAlignment="1">
      <alignment horizontal="left" vertical="center"/>
    </xf>
    <xf numFmtId="165" fontId="22" fillId="0" borderId="1" xfId="19" applyNumberFormat="1" applyFont="1" applyFill="1" applyBorder="1" applyAlignment="1">
      <alignment horizontal="left" vertical="center"/>
    </xf>
    <xf numFmtId="168" fontId="22" fillId="0" borderId="1" xfId="19" applyNumberFormat="1" applyFont="1" applyFill="1" applyBorder="1" applyAlignment="1">
      <alignment horizontal="left" vertical="center"/>
    </xf>
    <xf numFmtId="168" fontId="24" fillId="0" borderId="1" xfId="19" applyNumberFormat="1" applyFont="1" applyFill="1" applyBorder="1" applyAlignment="1">
      <alignment horizontal="left" vertical="center"/>
    </xf>
    <xf numFmtId="165" fontId="22" fillId="4" borderId="1" xfId="19" applyNumberFormat="1" applyFont="1" applyFill="1" applyBorder="1" applyAlignment="1">
      <alignment horizontal="left" vertical="center"/>
    </xf>
    <xf numFmtId="168" fontId="22" fillId="4" borderId="1" xfId="19" applyNumberFormat="1" applyFont="1" applyFill="1" applyBorder="1" applyAlignment="1">
      <alignment horizontal="left" vertical="center"/>
    </xf>
    <xf numFmtId="168" fontId="24" fillId="4" borderId="1" xfId="19" applyNumberFormat="1" applyFont="1" applyFill="1" applyBorder="1" applyAlignment="1">
      <alignment horizontal="left" vertical="center"/>
    </xf>
    <xf numFmtId="164" fontId="22" fillId="0" borderId="1" xfId="19" applyNumberFormat="1" applyFont="1" applyFill="1" applyBorder="1" applyAlignment="1">
      <alignment horizontal="left" vertical="center"/>
    </xf>
    <xf numFmtId="164" fontId="22" fillId="4" borderId="1" xfId="19" applyNumberFormat="1" applyFont="1" applyFill="1" applyBorder="1" applyAlignment="1">
      <alignment horizontal="left" vertical="center"/>
    </xf>
    <xf numFmtId="0" fontId="29" fillId="2" borderId="0" xfId="0" applyFont="1" applyFill="1" applyAlignment="1">
      <alignment wrapText="1"/>
    </xf>
    <xf numFmtId="0" fontId="7"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10" fillId="3" borderId="0" xfId="0" applyFont="1" applyFill="1" applyAlignment="1">
      <alignment horizontal="left"/>
    </xf>
    <xf numFmtId="0" fontId="7" fillId="3" borderId="0" xfId="0" applyFont="1" applyFill="1" applyAlignment="1">
      <alignment horizontal="left" wrapText="1"/>
    </xf>
    <xf numFmtId="0" fontId="31" fillId="2" borderId="0" xfId="0" applyFont="1" applyFill="1"/>
    <xf numFmtId="0" fontId="17" fillId="0" borderId="0" xfId="2" applyFont="1" applyFill="1" applyBorder="1" applyAlignment="1">
      <alignment vertical="top" wrapText="1"/>
    </xf>
    <xf numFmtId="0" fontId="16" fillId="0" borderId="0" xfId="0" applyFont="1" applyFill="1" applyBorder="1" applyAlignment="1">
      <alignment vertical="top"/>
    </xf>
    <xf numFmtId="0" fontId="0" fillId="0" borderId="0" xfId="0" applyFont="1" applyFill="1"/>
    <xf numFmtId="0" fontId="30" fillId="0" borderId="0" xfId="0" applyFont="1"/>
    <xf numFmtId="0" fontId="17" fillId="0" borderId="0" xfId="5" quotePrefix="1" applyFont="1" applyFill="1" applyBorder="1" applyAlignment="1">
      <alignment vertical="top" wrapText="1"/>
    </xf>
    <xf numFmtId="0" fontId="34" fillId="3" borderId="0" xfId="1" applyFont="1" applyFill="1" applyAlignment="1">
      <alignment horizontal="left"/>
    </xf>
    <xf numFmtId="0" fontId="34" fillId="3" borderId="0" xfId="1" applyFont="1" applyFill="1"/>
    <xf numFmtId="0" fontId="34" fillId="3" borderId="0" xfId="1" quotePrefix="1" applyFont="1" applyFill="1"/>
    <xf numFmtId="1" fontId="34" fillId="3" borderId="0" xfId="1" applyNumberFormat="1" applyFont="1" applyFill="1" applyAlignment="1">
      <alignment horizontal="left"/>
    </xf>
    <xf numFmtId="0" fontId="35" fillId="3" borderId="0" xfId="0" applyFont="1" applyFill="1" applyAlignment="1">
      <alignment horizontal="left" wrapText="1"/>
    </xf>
    <xf numFmtId="0" fontId="28" fillId="3" borderId="0" xfId="0" applyFont="1" applyFill="1" applyAlignment="1">
      <alignment horizontal="left" wrapText="1"/>
    </xf>
    <xf numFmtId="0" fontId="29" fillId="3" borderId="0" xfId="0" applyFont="1" applyFill="1" applyAlignment="1">
      <alignment horizontal="left" wrapText="1"/>
    </xf>
    <xf numFmtId="0" fontId="28" fillId="3" borderId="0" xfId="0" applyFont="1" applyFill="1" applyAlignment="1">
      <alignment wrapText="1"/>
    </xf>
    <xf numFmtId="0" fontId="29" fillId="3" borderId="0" xfId="0" applyFont="1" applyFill="1" applyAlignment="1">
      <alignment wrapText="1"/>
    </xf>
    <xf numFmtId="0" fontId="0" fillId="3" borderId="0" xfId="0" applyFill="1"/>
    <xf numFmtId="0" fontId="29" fillId="3" borderId="0" xfId="0" applyFont="1" applyFill="1" applyAlignment="1">
      <alignment vertical="center" wrapText="1"/>
    </xf>
    <xf numFmtId="0" fontId="28" fillId="3" borderId="0" xfId="0" applyFont="1" applyFill="1" applyBorder="1" applyAlignment="1">
      <alignment wrapText="1"/>
    </xf>
    <xf numFmtId="0" fontId="29" fillId="3" borderId="0" xfId="0" applyFont="1" applyFill="1" applyBorder="1" applyAlignment="1">
      <alignment vertical="top" wrapText="1"/>
    </xf>
    <xf numFmtId="0" fontId="29" fillId="3" borderId="0" xfId="0" applyFont="1" applyFill="1" applyBorder="1" applyAlignment="1">
      <alignment wrapText="1"/>
    </xf>
    <xf numFmtId="0" fontId="28" fillId="3" borderId="0" xfId="0" applyFont="1" applyFill="1" applyAlignment="1">
      <alignment vertical="center" wrapText="1"/>
    </xf>
    <xf numFmtId="0" fontId="29" fillId="3" borderId="0" xfId="0" applyFont="1" applyFill="1"/>
    <xf numFmtId="0" fontId="28" fillId="3" borderId="0" xfId="0" applyFont="1" applyFill="1"/>
    <xf numFmtId="0" fontId="26" fillId="0" borderId="1" xfId="19" applyFont="1" applyFill="1" applyBorder="1" applyAlignment="1">
      <alignment horizontal="left" vertical="center" wrapText="1"/>
    </xf>
    <xf numFmtId="0" fontId="9" fillId="2" borderId="0" xfId="0" applyFont="1" applyFill="1" applyAlignment="1">
      <alignment horizontal="center"/>
    </xf>
    <xf numFmtId="0" fontId="10" fillId="2" borderId="0" xfId="0" applyFont="1" applyFill="1" applyAlignment="1">
      <alignment horizontal="center"/>
    </xf>
    <xf numFmtId="0" fontId="0" fillId="3" borderId="0" xfId="0" quotePrefix="1" applyFill="1"/>
    <xf numFmtId="0" fontId="0" fillId="3" borderId="0" xfId="0" applyFill="1"/>
    <xf numFmtId="0" fontId="10" fillId="3" borderId="0" xfId="0" applyFont="1" applyFill="1" applyAlignment="1">
      <alignment horizontal="left"/>
    </xf>
    <xf numFmtId="0" fontId="15" fillId="3" borderId="0" xfId="0" applyFont="1" applyFill="1" applyAlignment="1">
      <alignment horizontal="left"/>
    </xf>
    <xf numFmtId="0" fontId="16" fillId="4" borderId="0" xfId="0" applyFont="1" applyFill="1" applyBorder="1" applyAlignment="1">
      <alignment horizontal="left" vertical="top"/>
    </xf>
    <xf numFmtId="0" fontId="17" fillId="0" borderId="0" xfId="34" applyFont="1" applyFill="1" applyBorder="1" applyAlignment="1">
      <alignment horizontal="left" vertical="top" wrapText="1"/>
    </xf>
    <xf numFmtId="0" fontId="18" fillId="5" borderId="1" xfId="34" quotePrefix="1" applyFont="1" applyFill="1" applyBorder="1" applyAlignment="1">
      <alignment horizontal="left" vertical="top" wrapText="1"/>
    </xf>
    <xf numFmtId="0" fontId="17" fillId="0" borderId="0" xfId="34" quotePrefix="1" applyFont="1" applyFill="1" applyBorder="1" applyAlignment="1">
      <alignment horizontal="left" vertical="top" wrapText="1"/>
    </xf>
    <xf numFmtId="0" fontId="18" fillId="5" borderId="1" xfId="31" applyFont="1" applyFill="1" applyBorder="1" applyAlignment="1">
      <alignment horizontal="left" vertical="top" wrapText="1"/>
    </xf>
    <xf numFmtId="0" fontId="17" fillId="0" borderId="2" xfId="2" applyFont="1" applyFill="1" applyBorder="1" applyAlignment="1">
      <alignment horizontal="left" vertical="top" wrapText="1"/>
    </xf>
    <xf numFmtId="0" fontId="17" fillId="0" borderId="0" xfId="31" applyFont="1" applyFill="1" applyBorder="1" applyAlignment="1">
      <alignment horizontal="left" vertical="top" wrapText="1"/>
    </xf>
    <xf numFmtId="0" fontId="18" fillId="5" borderId="1" xfId="7" applyFont="1" applyFill="1" applyBorder="1" applyAlignment="1">
      <alignment horizontal="left" vertical="top" wrapText="1"/>
    </xf>
    <xf numFmtId="167" fontId="18" fillId="5" borderId="1" xfId="7" applyNumberFormat="1" applyFont="1" applyFill="1" applyBorder="1" applyAlignment="1">
      <alignment horizontal="left" vertical="top" wrapText="1"/>
    </xf>
    <xf numFmtId="167" fontId="16" fillId="4" borderId="0" xfId="0" applyNumberFormat="1" applyFont="1" applyFill="1" applyBorder="1" applyAlignment="1">
      <alignment horizontal="left" vertical="top"/>
    </xf>
    <xf numFmtId="167" fontId="17" fillId="0" borderId="0" xfId="34" applyNumberFormat="1" applyFont="1" applyFill="1" applyBorder="1" applyAlignment="1">
      <alignment horizontal="left" vertical="top" wrapText="1"/>
    </xf>
    <xf numFmtId="0" fontId="18" fillId="5" borderId="1" xfId="5" applyFont="1" applyFill="1" applyBorder="1" applyAlignment="1">
      <alignment horizontal="left" vertical="top" wrapText="1"/>
    </xf>
    <xf numFmtId="0" fontId="17" fillId="0" borderId="0" xfId="2" quotePrefix="1" applyFont="1" applyFill="1" applyBorder="1" applyAlignment="1">
      <alignment horizontal="left" vertical="top" wrapText="1"/>
    </xf>
    <xf numFmtId="0" fontId="17" fillId="0" borderId="0" xfId="5" quotePrefix="1" applyFont="1" applyFill="1" applyBorder="1" applyAlignment="1">
      <alignment horizontal="left" vertical="top" wrapText="1"/>
    </xf>
    <xf numFmtId="0" fontId="18" fillId="5" borderId="1" xfId="33" applyFont="1" applyFill="1" applyBorder="1" applyAlignment="1">
      <alignment horizontal="left" vertical="top" wrapText="1"/>
    </xf>
    <xf numFmtId="0" fontId="18" fillId="5" borderId="3" xfId="33" applyFont="1" applyFill="1" applyBorder="1" applyAlignment="1">
      <alignment horizontal="left" vertical="top" wrapText="1"/>
    </xf>
    <xf numFmtId="0" fontId="18" fillId="5" borderId="4" xfId="33" applyFont="1" applyFill="1" applyBorder="1" applyAlignment="1">
      <alignment horizontal="left" vertical="top" wrapText="1"/>
    </xf>
    <xf numFmtId="0" fontId="32" fillId="0" borderId="2" xfId="2" quotePrefix="1" applyFont="1" applyFill="1" applyBorder="1" applyAlignment="1">
      <alignment horizontal="left" vertical="top" wrapText="1"/>
    </xf>
    <xf numFmtId="0" fontId="17" fillId="0" borderId="0" xfId="2" applyFont="1" applyFill="1" applyBorder="1" applyAlignment="1">
      <alignment horizontal="left" vertical="top" wrapText="1"/>
    </xf>
    <xf numFmtId="0" fontId="18" fillId="5" borderId="1" xfId="31" quotePrefix="1" applyFont="1" applyFill="1" applyBorder="1" applyAlignment="1">
      <alignment horizontal="left" vertical="top" wrapText="1"/>
    </xf>
    <xf numFmtId="0" fontId="18" fillId="5" borderId="1" xfId="28" applyFont="1" applyFill="1" applyBorder="1" applyAlignment="1">
      <alignment horizontal="left" vertical="top" wrapText="1"/>
    </xf>
    <xf numFmtId="0" fontId="17" fillId="0" borderId="0" xfId="4" quotePrefix="1" applyFont="1" applyFill="1" applyBorder="1" applyAlignment="1">
      <alignment horizontal="left" vertical="top" wrapText="1"/>
    </xf>
    <xf numFmtId="0" fontId="17" fillId="0" borderId="0" xfId="4" applyFont="1" applyFill="1" applyBorder="1" applyAlignment="1">
      <alignment horizontal="left" vertical="top" wrapText="1"/>
    </xf>
    <xf numFmtId="0" fontId="18" fillId="5" borderId="1" xfId="0" applyFont="1" applyFill="1" applyBorder="1" applyAlignment="1">
      <alignment horizontal="left" vertical="top" wrapText="1"/>
    </xf>
    <xf numFmtId="0" fontId="18" fillId="5" borderId="1" xfId="0" applyFont="1" applyFill="1" applyBorder="1" applyAlignment="1">
      <alignment horizontal="left" vertical="top"/>
    </xf>
    <xf numFmtId="0" fontId="17" fillId="0" borderId="2" xfId="5" quotePrefix="1" applyFont="1" applyFill="1" applyBorder="1" applyAlignment="1">
      <alignment horizontal="left" vertical="top" wrapText="1"/>
    </xf>
    <xf numFmtId="0" fontId="18" fillId="5" borderId="3" xfId="0" applyFont="1" applyFill="1" applyBorder="1" applyAlignment="1">
      <alignment horizontal="left" vertical="top"/>
    </xf>
    <xf numFmtId="0" fontId="18" fillId="5" borderId="4" xfId="0" applyFont="1" applyFill="1" applyBorder="1" applyAlignment="1">
      <alignment horizontal="left" vertical="top"/>
    </xf>
    <xf numFmtId="0" fontId="18" fillId="5" borderId="5" xfId="0" applyFont="1" applyFill="1" applyBorder="1" applyAlignment="1">
      <alignment horizontal="left" vertical="top"/>
    </xf>
    <xf numFmtId="0" fontId="17" fillId="0" borderId="0" xfId="9" quotePrefix="1" applyFont="1" applyFill="1" applyBorder="1" applyAlignment="1">
      <alignment horizontal="left" vertical="top" wrapText="1"/>
    </xf>
    <xf numFmtId="0" fontId="17" fillId="0" borderId="0" xfId="9" applyFont="1" applyFill="1" applyBorder="1" applyAlignment="1">
      <alignment horizontal="left" vertical="top" wrapText="1"/>
    </xf>
    <xf numFmtId="0" fontId="17" fillId="0" borderId="2" xfId="3" quotePrefix="1" applyFont="1" applyFill="1" applyBorder="1" applyAlignment="1">
      <alignment horizontal="left" vertical="top" wrapText="1"/>
    </xf>
    <xf numFmtId="0" fontId="17" fillId="0" borderId="2" xfId="4" quotePrefix="1" applyFont="1" applyFill="1" applyBorder="1" applyAlignment="1">
      <alignment horizontal="left" vertical="top" wrapText="1"/>
    </xf>
    <xf numFmtId="0" fontId="17" fillId="0" borderId="0" xfId="3" quotePrefix="1" applyFont="1" applyFill="1" applyBorder="1" applyAlignment="1">
      <alignment horizontal="left" vertical="top" wrapText="1"/>
    </xf>
    <xf numFmtId="0" fontId="17" fillId="0" borderId="0" xfId="3" applyFont="1" applyFill="1" applyBorder="1" applyAlignment="1">
      <alignment horizontal="left" vertical="top" wrapText="1"/>
    </xf>
    <xf numFmtId="0" fontId="18" fillId="5" borderId="3" xfId="28" applyFont="1" applyFill="1" applyBorder="1" applyAlignment="1">
      <alignment horizontal="left" vertical="top" wrapText="1"/>
    </xf>
    <xf numFmtId="0" fontId="18" fillId="5" borderId="4" xfId="28" applyFont="1" applyFill="1" applyBorder="1" applyAlignment="1">
      <alignment horizontal="left" vertical="top" wrapText="1"/>
    </xf>
    <xf numFmtId="0" fontId="18" fillId="5" borderId="5" xfId="28" applyFont="1" applyFill="1" applyBorder="1" applyAlignment="1">
      <alignment horizontal="left" vertical="top" wrapText="1"/>
    </xf>
  </cellXfs>
  <cellStyles count="45">
    <cellStyle name="Hyperlink" xfId="1" builtinId="8"/>
    <cellStyle name="Normal" xfId="0" builtinId="0"/>
    <cellStyle name="Normal 2" xfId="44"/>
    <cellStyle name="Normal_%2_1" xfId="2"/>
    <cellStyle name="Normal_Belonging" xfId="3"/>
    <cellStyle name="Normal_CommLeader" xfId="4"/>
    <cellStyle name="Normal_CommunityEconomicWB" xfId="5"/>
    <cellStyle name="Normal_CWI" xfId="6"/>
    <cellStyle name="Normal_CWI Ind" xfId="7"/>
    <cellStyle name="Normal_CWI_1" xfId="8"/>
    <cellStyle name="Normal_Equity" xfId="9"/>
    <cellStyle name="Normal_FamilyFriends" xfId="10"/>
    <cellStyle name="Normal_GenHealth" xfId="11"/>
    <cellStyle name="Normal_GettingInvolved" xfId="12"/>
    <cellStyle name="Normal_HouseholdFinance" xfId="13"/>
    <cellStyle name="Normal_HouseholdFinWB" xfId="14"/>
    <cellStyle name="Normal_K10" xfId="15"/>
    <cellStyle name="Normal_liveability" xfId="16"/>
    <cellStyle name="Normal_Mean2" xfId="17"/>
    <cellStyle name="Normal_Migration" xfId="18"/>
    <cellStyle name="Normal_NaturalCap" xfId="19"/>
    <cellStyle name="Normal_PhysCrime" xfId="20"/>
    <cellStyle name="Normal_PhysFinance" xfId="21"/>
    <cellStyle name="Normal_PhysHealthetc" xfId="22"/>
    <cellStyle name="Normal_PhysLandscape" xfId="23"/>
    <cellStyle name="Normal_PhysRetail" xfId="24"/>
    <cellStyle name="Normal_PhysRoadsTrans" xfId="25"/>
    <cellStyle name="Normal_PhysTelecom" xfId="26"/>
    <cellStyle name="Normal_PWI_1" xfId="27"/>
    <cellStyle name="Normal_Self efficacy" xfId="28"/>
    <cellStyle name="Normal_Sheet1" xfId="29"/>
    <cellStyle name="Normal_Sheet1_1" xfId="30"/>
    <cellStyle name="Normal_Sheet10" xfId="31"/>
    <cellStyle name="Normal_Sheet12" xfId="32"/>
    <cellStyle name="Normal_Sheet13" xfId="33"/>
    <cellStyle name="Normal_Sheet2_1" xfId="34"/>
    <cellStyle name="Normal_Sheet3" xfId="35"/>
    <cellStyle name="Normal_Sheet4" xfId="36"/>
    <cellStyle name="Normal_Sheet5" xfId="37"/>
    <cellStyle name="Normal_Sheet5_1" xfId="38"/>
    <cellStyle name="Normal_Sheet6" xfId="39"/>
    <cellStyle name="Normal_Sheet7" xfId="40"/>
    <cellStyle name="Normal_Sheet7_1" xfId="41"/>
    <cellStyle name="Normal_Sheet8" xfId="42"/>
    <cellStyle name="Normal_Volunteering" xfId="4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6" name="Picture 5">
          <a:extLst>
            <a:ext uri="{FF2B5EF4-FFF2-40B4-BE49-F238E27FC236}">
              <a16:creationId xmlns:a16="http://schemas.microsoft.com/office/drawing/2014/main" id="{A32D1CA2-2B61-4828-AA66-857E8FE3DE9B}"/>
            </a:ext>
          </a:extLst>
        </xdr:cNvPr>
        <xdr:cNvPicPr>
          <a:picLocks noChangeAspect="1"/>
        </xdr:cNvPicPr>
      </xdr:nvPicPr>
      <xdr:blipFill>
        <a:blip xmlns:r="http://schemas.openxmlformats.org/officeDocument/2006/relationships" r:embed="rId1"/>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Kilter">
      <a:dk1>
        <a:sysClr val="windowText" lastClr="000000"/>
      </a:dk1>
      <a:lt1>
        <a:sysClr val="window" lastClr="FFFFFF"/>
      </a:lt1>
      <a:dk2>
        <a:srgbClr val="318FC5"/>
      </a:dk2>
      <a:lt2>
        <a:srgbClr val="AEE8FB"/>
      </a:lt2>
      <a:accent1>
        <a:srgbClr val="76C5EF"/>
      </a:accent1>
      <a:accent2>
        <a:srgbClr val="FEA022"/>
      </a:accent2>
      <a:accent3>
        <a:srgbClr val="FF6700"/>
      </a:accent3>
      <a:accent4>
        <a:srgbClr val="70A525"/>
      </a:accent4>
      <a:accent5>
        <a:srgbClr val="A5D848"/>
      </a:accent5>
      <a:accent6>
        <a:srgbClr val="20768C"/>
      </a:accent6>
      <a:hlink>
        <a:srgbClr val="7AB6E8"/>
      </a:hlink>
      <a:folHlink>
        <a:srgbClr val="83B0D3"/>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K1:S9"/>
  <sheetViews>
    <sheetView tabSelected="1" workbookViewId="0"/>
  </sheetViews>
  <sheetFormatPr defaultColWidth="8.85546875" defaultRowHeight="15"/>
  <cols>
    <col min="1" max="16384" width="8.85546875" style="2"/>
  </cols>
  <sheetData>
    <row r="1" spans="11:19" ht="23.25">
      <c r="Q1" s="297"/>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131"/>
  <sheetViews>
    <sheetView workbookViewId="0">
      <selection activeCell="A126" sqref="A126"/>
    </sheetView>
  </sheetViews>
  <sheetFormatPr defaultColWidth="18.5703125" defaultRowHeight="15"/>
  <cols>
    <col min="1" max="1" width="30.5703125" customWidth="1"/>
  </cols>
  <sheetData>
    <row r="1" spans="1:4" ht="31.5">
      <c r="A1" s="30" t="s">
        <v>53</v>
      </c>
    </row>
    <row r="3" spans="1:4" ht="18.75">
      <c r="A3" s="327" t="s">
        <v>16</v>
      </c>
      <c r="B3" s="327"/>
      <c r="C3" s="327"/>
      <c r="D3" s="327"/>
    </row>
    <row r="4" spans="1:4" ht="117.75" customHeight="1">
      <c r="A4" s="348" t="s">
        <v>221</v>
      </c>
      <c r="B4" s="348"/>
      <c r="C4" s="348"/>
      <c r="D4" s="348"/>
    </row>
    <row r="5" spans="1:4" ht="33.75" customHeight="1">
      <c r="A5" s="329" t="s">
        <v>222</v>
      </c>
      <c r="B5" s="329"/>
      <c r="C5" s="329"/>
      <c r="D5" s="329"/>
    </row>
    <row r="6" spans="1:4" ht="36.75" customHeight="1">
      <c r="A6" s="34" t="s">
        <v>114</v>
      </c>
      <c r="B6" s="35" t="s">
        <v>115</v>
      </c>
      <c r="C6" s="36" t="s">
        <v>116</v>
      </c>
      <c r="D6" s="37" t="s">
        <v>117</v>
      </c>
    </row>
    <row r="7" spans="1:4" ht="75.75" customHeight="1">
      <c r="A7" s="38"/>
      <c r="B7" s="39" t="s">
        <v>118</v>
      </c>
      <c r="C7" s="130" t="s">
        <v>223</v>
      </c>
      <c r="D7" s="41" t="s">
        <v>120</v>
      </c>
    </row>
    <row r="8" spans="1:4">
      <c r="A8" s="42" t="s">
        <v>442</v>
      </c>
      <c r="B8" s="200">
        <v>12520</v>
      </c>
      <c r="C8" s="201">
        <v>4.566222730993891</v>
      </c>
      <c r="D8" s="133">
        <v>3.6434495814010148E-2</v>
      </c>
    </row>
    <row r="9" spans="1:4">
      <c r="A9" s="46" t="s">
        <v>443</v>
      </c>
      <c r="B9" s="202">
        <v>998</v>
      </c>
      <c r="C9" s="203">
        <v>4.6832990424724494</v>
      </c>
      <c r="D9" s="137">
        <v>0.12683466286637035</v>
      </c>
    </row>
    <row r="10" spans="1:4">
      <c r="A10" s="50" t="s">
        <v>434</v>
      </c>
      <c r="B10" s="80">
        <v>273</v>
      </c>
      <c r="C10" s="81">
        <v>4.8314136144333482</v>
      </c>
      <c r="D10" s="82">
        <v>0.22582606612291745</v>
      </c>
    </row>
    <row r="11" spans="1:4" ht="25.5">
      <c r="A11" s="46" t="s">
        <v>438</v>
      </c>
      <c r="B11" s="202">
        <v>57</v>
      </c>
      <c r="C11" s="203">
        <v>4.6445756769061886</v>
      </c>
      <c r="D11" s="137">
        <v>0.49464617985139547</v>
      </c>
    </row>
    <row r="12" spans="1:4" ht="38.25">
      <c r="A12" s="54" t="s">
        <v>454</v>
      </c>
      <c r="B12" s="200">
        <v>68</v>
      </c>
      <c r="C12" s="201">
        <v>4.9367288031894505</v>
      </c>
      <c r="D12" s="133">
        <v>0.40419805291803002</v>
      </c>
    </row>
    <row r="13" spans="1:4" ht="25.5">
      <c r="A13" s="46" t="s">
        <v>444</v>
      </c>
      <c r="B13" s="202">
        <v>113</v>
      </c>
      <c r="C13" s="203">
        <v>4.8883491264537939</v>
      </c>
      <c r="D13" s="137">
        <v>0.29229842341289292</v>
      </c>
    </row>
    <row r="14" spans="1:4">
      <c r="A14" s="54" t="s">
        <v>445</v>
      </c>
      <c r="B14" s="200">
        <v>240</v>
      </c>
      <c r="C14" s="201">
        <v>4.910630142976089</v>
      </c>
      <c r="D14" s="133">
        <v>0.25926489873238001</v>
      </c>
    </row>
    <row r="15" spans="1:4">
      <c r="A15" s="46" t="s">
        <v>446</v>
      </c>
      <c r="B15" s="202">
        <v>124</v>
      </c>
      <c r="C15" s="203">
        <v>4.85896706117643</v>
      </c>
      <c r="D15" s="137">
        <v>0.36698780622583271</v>
      </c>
    </row>
    <row r="16" spans="1:4">
      <c r="A16" s="54" t="s">
        <v>447</v>
      </c>
      <c r="B16" s="200">
        <v>116</v>
      </c>
      <c r="C16" s="201">
        <v>4.990206305887364</v>
      </c>
      <c r="D16" s="133">
        <v>0.3211992438671647</v>
      </c>
    </row>
    <row r="17" spans="1:22" s="5" customFormat="1"/>
    <row r="22" spans="1:22" ht="18.75">
      <c r="A22" s="327" t="s">
        <v>54</v>
      </c>
      <c r="B22" s="327"/>
      <c r="C22" s="327"/>
      <c r="D22" s="327"/>
      <c r="E22" s="327"/>
      <c r="F22" s="327"/>
      <c r="G22" s="327"/>
      <c r="H22" s="327"/>
      <c r="I22" s="327"/>
      <c r="J22" s="327"/>
      <c r="K22" s="327"/>
      <c r="L22" s="327"/>
      <c r="M22" s="327"/>
      <c r="N22" s="327"/>
      <c r="O22" s="327"/>
      <c r="P22" s="327"/>
      <c r="Q22" s="327"/>
      <c r="R22" s="327"/>
      <c r="S22" s="327"/>
      <c r="T22" s="327"/>
      <c r="U22" s="327"/>
      <c r="V22" s="327"/>
    </row>
    <row r="23" spans="1:22" ht="66" customHeight="1">
      <c r="A23" s="348" t="s">
        <v>224</v>
      </c>
      <c r="B23" s="348"/>
      <c r="C23" s="348"/>
      <c r="D23" s="348"/>
      <c r="E23" s="348"/>
      <c r="F23" s="348"/>
      <c r="G23" s="348"/>
      <c r="H23" s="348"/>
      <c r="I23" s="348"/>
      <c r="J23" s="348"/>
      <c r="K23" s="348"/>
      <c r="L23" s="348"/>
      <c r="M23" s="348"/>
      <c r="N23" s="348"/>
      <c r="O23" s="348"/>
      <c r="P23" s="348"/>
      <c r="Q23" s="348"/>
      <c r="R23" s="348"/>
      <c r="S23" s="348"/>
      <c r="T23" s="348"/>
      <c r="U23" s="348"/>
      <c r="V23" s="348"/>
    </row>
    <row r="24" spans="1:22" ht="37.5" customHeight="1">
      <c r="A24" s="61"/>
      <c r="B24" s="347" t="s">
        <v>225</v>
      </c>
      <c r="C24" s="347"/>
      <c r="D24" s="347"/>
      <c r="E24" s="347"/>
      <c r="F24" s="347"/>
      <c r="G24" s="347"/>
      <c r="H24" s="347"/>
      <c r="I24" s="347" t="s">
        <v>226</v>
      </c>
      <c r="J24" s="347"/>
      <c r="K24" s="347"/>
      <c r="L24" s="347"/>
      <c r="M24" s="347"/>
      <c r="N24" s="347"/>
      <c r="O24" s="347"/>
      <c r="P24" s="347" t="s">
        <v>227</v>
      </c>
      <c r="Q24" s="347"/>
      <c r="R24" s="347"/>
      <c r="S24" s="347"/>
      <c r="T24" s="347"/>
      <c r="U24" s="347"/>
      <c r="V24" s="347"/>
    </row>
    <row r="25" spans="1:22" ht="37.5" customHeight="1">
      <c r="A25" s="34" t="s">
        <v>114</v>
      </c>
      <c r="B25" s="35" t="s">
        <v>115</v>
      </c>
      <c r="C25" s="35" t="s">
        <v>228</v>
      </c>
      <c r="D25" s="90" t="s">
        <v>145</v>
      </c>
      <c r="E25" s="35" t="s">
        <v>229</v>
      </c>
      <c r="F25" s="90" t="s">
        <v>146</v>
      </c>
      <c r="G25" s="35" t="s">
        <v>230</v>
      </c>
      <c r="H25" s="90" t="s">
        <v>147</v>
      </c>
      <c r="I25" s="62" t="s">
        <v>115</v>
      </c>
      <c r="J25" s="62" t="s">
        <v>228</v>
      </c>
      <c r="K25" s="89" t="s">
        <v>145</v>
      </c>
      <c r="L25" s="62" t="s">
        <v>229</v>
      </c>
      <c r="M25" s="89" t="s">
        <v>146</v>
      </c>
      <c r="N25" s="62" t="s">
        <v>230</v>
      </c>
      <c r="O25" s="89" t="s">
        <v>147</v>
      </c>
      <c r="P25" s="35" t="s">
        <v>115</v>
      </c>
      <c r="Q25" s="35" t="s">
        <v>228</v>
      </c>
      <c r="R25" s="90" t="s">
        <v>145</v>
      </c>
      <c r="S25" s="35" t="s">
        <v>229</v>
      </c>
      <c r="T25" s="90" t="s">
        <v>146</v>
      </c>
      <c r="U25" s="35" t="s">
        <v>230</v>
      </c>
      <c r="V25" s="90" t="s">
        <v>147</v>
      </c>
    </row>
    <row r="26" spans="1:22" ht="71.25" customHeight="1">
      <c r="A26" s="38"/>
      <c r="B26" s="39" t="s">
        <v>118</v>
      </c>
      <c r="C26" s="39" t="s">
        <v>303</v>
      </c>
      <c r="D26" s="92" t="s">
        <v>148</v>
      </c>
      <c r="E26" s="39" t="s">
        <v>304</v>
      </c>
      <c r="F26" s="92" t="s">
        <v>148</v>
      </c>
      <c r="G26" s="39" t="s">
        <v>305</v>
      </c>
      <c r="H26" s="92" t="s">
        <v>148</v>
      </c>
      <c r="I26" s="65" t="s">
        <v>118</v>
      </c>
      <c r="J26" s="65" t="s">
        <v>303</v>
      </c>
      <c r="K26" s="91" t="s">
        <v>148</v>
      </c>
      <c r="L26" s="65" t="s">
        <v>304</v>
      </c>
      <c r="M26" s="91" t="s">
        <v>148</v>
      </c>
      <c r="N26" s="65" t="s">
        <v>305</v>
      </c>
      <c r="O26" s="91" t="s">
        <v>148</v>
      </c>
      <c r="P26" s="39" t="s">
        <v>118</v>
      </c>
      <c r="Q26" s="39" t="s">
        <v>303</v>
      </c>
      <c r="R26" s="92" t="s">
        <v>148</v>
      </c>
      <c r="S26" s="39" t="s">
        <v>304</v>
      </c>
      <c r="T26" s="92" t="s">
        <v>148</v>
      </c>
      <c r="U26" s="39" t="s">
        <v>305</v>
      </c>
      <c r="V26" s="92" t="s">
        <v>148</v>
      </c>
    </row>
    <row r="27" spans="1:22">
      <c r="A27" s="42" t="s">
        <v>442</v>
      </c>
      <c r="B27" s="200">
        <v>12897</v>
      </c>
      <c r="C27" s="204">
        <v>0.15626279463778509</v>
      </c>
      <c r="D27" s="95">
        <v>6.2675296683136605E-3</v>
      </c>
      <c r="E27" s="204">
        <v>0.16798435718880489</v>
      </c>
      <c r="F27" s="95">
        <v>6.4528372432166624E-3</v>
      </c>
      <c r="G27" s="204">
        <v>0.67575284817340997</v>
      </c>
      <c r="H27" s="95">
        <v>8.0778426689842031E-3</v>
      </c>
      <c r="I27" s="200">
        <v>12883</v>
      </c>
      <c r="J27" s="204">
        <v>0.26176795453468887</v>
      </c>
      <c r="K27" s="95">
        <v>7.5905705915097583E-3</v>
      </c>
      <c r="L27" s="204">
        <v>0.16193196954550279</v>
      </c>
      <c r="M27" s="95">
        <v>6.362086509789997E-3</v>
      </c>
      <c r="N27" s="204">
        <v>0.57630007591980836</v>
      </c>
      <c r="O27" s="95">
        <v>8.5317260498085339E-3</v>
      </c>
      <c r="P27" s="200">
        <v>12880</v>
      </c>
      <c r="Q27" s="204">
        <v>0.35060220471272729</v>
      </c>
      <c r="R27" s="95">
        <v>8.2396099781623343E-3</v>
      </c>
      <c r="S27" s="204">
        <v>0.15975316980211576</v>
      </c>
      <c r="T27" s="95">
        <v>6.328126221020882E-3</v>
      </c>
      <c r="U27" s="204">
        <v>0.48964462548515697</v>
      </c>
      <c r="V27" s="95">
        <v>8.6319241087893499E-3</v>
      </c>
    </row>
    <row r="28" spans="1:22">
      <c r="A28" s="46" t="s">
        <v>443</v>
      </c>
      <c r="B28" s="202">
        <v>1020</v>
      </c>
      <c r="C28" s="205">
        <v>0.10731064788109865</v>
      </c>
      <c r="D28" s="98">
        <v>1.9075952926589149E-2</v>
      </c>
      <c r="E28" s="205">
        <v>0.13645674123937523</v>
      </c>
      <c r="F28" s="98">
        <v>2.111720321536013E-2</v>
      </c>
      <c r="G28" s="205">
        <v>0.75623261087952609</v>
      </c>
      <c r="H28" s="98">
        <v>2.6334421521145776E-2</v>
      </c>
      <c r="I28" s="202">
        <v>1021</v>
      </c>
      <c r="J28" s="205">
        <v>0.23041564343035753</v>
      </c>
      <c r="K28" s="98">
        <v>2.5820841158319344E-2</v>
      </c>
      <c r="L28" s="205">
        <v>0.19466865379253168</v>
      </c>
      <c r="M28" s="98">
        <v>2.4295900845844591E-2</v>
      </c>
      <c r="N28" s="205">
        <v>0.57491570277711079</v>
      </c>
      <c r="O28" s="98">
        <v>3.026722442875188E-2</v>
      </c>
      <c r="P28" s="202">
        <v>1018</v>
      </c>
      <c r="Q28" s="205">
        <v>0.34216861963906786</v>
      </c>
      <c r="R28" s="98">
        <v>2.9100179794843518E-2</v>
      </c>
      <c r="S28" s="205">
        <v>0.15982063792788498</v>
      </c>
      <c r="T28" s="98">
        <v>2.25418823977733E-2</v>
      </c>
      <c r="U28" s="205">
        <v>0.49801074243304722</v>
      </c>
      <c r="V28" s="98">
        <v>3.0654710389644478E-2</v>
      </c>
    </row>
    <row r="29" spans="1:22">
      <c r="A29" s="50" t="s">
        <v>434</v>
      </c>
      <c r="B29" s="51">
        <v>272</v>
      </c>
      <c r="C29" s="183">
        <v>9.0721882077786573E-2</v>
      </c>
      <c r="D29" s="95">
        <v>3.4860804374240849E-2</v>
      </c>
      <c r="E29" s="183">
        <v>0.13335577933877163</v>
      </c>
      <c r="F29" s="95">
        <v>4.0773394616551009E-2</v>
      </c>
      <c r="G29" s="183">
        <v>0.77592233858344184</v>
      </c>
      <c r="H29" s="95">
        <v>4.9502707806334117E-2</v>
      </c>
      <c r="I29" s="51">
        <v>271</v>
      </c>
      <c r="J29" s="183">
        <v>0.19306420658843954</v>
      </c>
      <c r="K29" s="95">
        <v>4.7056498100779484E-2</v>
      </c>
      <c r="L29" s="183">
        <v>0.18989034740326677</v>
      </c>
      <c r="M29" s="95">
        <v>4.6773348180269465E-2</v>
      </c>
      <c r="N29" s="183">
        <v>0.6170454460082937</v>
      </c>
      <c r="O29" s="95">
        <v>5.7502295721544743E-2</v>
      </c>
      <c r="P29" s="51">
        <v>272</v>
      </c>
      <c r="Q29" s="183">
        <v>0.27937928711492221</v>
      </c>
      <c r="R29" s="95">
        <v>5.3119923173339641E-2</v>
      </c>
      <c r="S29" s="183">
        <v>0.12301643952385649</v>
      </c>
      <c r="T29" s="95">
        <v>3.947825329180997E-2</v>
      </c>
      <c r="U29" s="183">
        <v>0.59760427336122135</v>
      </c>
      <c r="V29" s="95">
        <v>5.788718857981956E-2</v>
      </c>
    </row>
    <row r="30" spans="1:22" ht="25.5">
      <c r="A30" s="46" t="s">
        <v>438</v>
      </c>
      <c r="B30" s="202">
        <v>57</v>
      </c>
      <c r="C30" s="205">
        <v>0.14403291539908936</v>
      </c>
      <c r="D30" s="98">
        <v>9.3683086836954574E-2</v>
      </c>
      <c r="E30" s="205">
        <v>0.11194333954779562</v>
      </c>
      <c r="F30" s="98">
        <v>8.6392398596451772E-2</v>
      </c>
      <c r="G30" s="205">
        <v>0.74402374505311508</v>
      </c>
      <c r="H30" s="98">
        <v>0.11166837580452629</v>
      </c>
      <c r="I30" s="202">
        <v>56</v>
      </c>
      <c r="J30" s="205">
        <v>0.20440404061986281</v>
      </c>
      <c r="K30" s="98">
        <v>0.10551432936791112</v>
      </c>
      <c r="L30" s="205">
        <v>0.1418680782811243</v>
      </c>
      <c r="M30" s="98">
        <v>9.40910987869224E-2</v>
      </c>
      <c r="N30" s="205">
        <v>0.65372788109901292</v>
      </c>
      <c r="O30" s="98">
        <v>0.12119650516971263</v>
      </c>
      <c r="P30" s="202">
        <v>57</v>
      </c>
      <c r="Q30" s="205">
        <v>0.36402437650895619</v>
      </c>
      <c r="R30" s="98">
        <v>0.12135715243967518</v>
      </c>
      <c r="S30" s="205">
        <v>5.8507301816347564E-2</v>
      </c>
      <c r="T30" s="98">
        <v>7.0895154544233022E-2</v>
      </c>
      <c r="U30" s="205">
        <v>0.57746832167469631</v>
      </c>
      <c r="V30" s="98">
        <v>0.12415416707181064</v>
      </c>
    </row>
    <row r="31" spans="1:22" ht="38.25">
      <c r="A31" s="54" t="s">
        <v>454</v>
      </c>
      <c r="B31" s="200">
        <v>68</v>
      </c>
      <c r="C31" s="204">
        <v>0.16627431472347548</v>
      </c>
      <c r="D31" s="95">
        <v>8.9657409328775514E-2</v>
      </c>
      <c r="E31" s="204">
        <v>0.15016106036986257</v>
      </c>
      <c r="F31" s="95">
        <v>8.6684791596937191E-2</v>
      </c>
      <c r="G31" s="204">
        <v>0.68356462490666192</v>
      </c>
      <c r="H31" s="95">
        <v>0.10832929274514608</v>
      </c>
      <c r="I31" s="200">
        <v>68</v>
      </c>
      <c r="J31" s="204">
        <v>0.15851405776637434</v>
      </c>
      <c r="K31" s="95">
        <v>8.8255756670462593E-2</v>
      </c>
      <c r="L31" s="204">
        <v>0.11104228129556587</v>
      </c>
      <c r="M31" s="95">
        <v>7.8350557060862636E-2</v>
      </c>
      <c r="N31" s="204">
        <v>0.73044366093805979</v>
      </c>
      <c r="O31" s="95">
        <v>0.10397864468073907</v>
      </c>
      <c r="P31" s="200">
        <v>67</v>
      </c>
      <c r="Q31" s="204">
        <v>0.22323403393958552</v>
      </c>
      <c r="R31" s="95">
        <v>9.9176773030490023E-2</v>
      </c>
      <c r="S31" s="204">
        <v>0.17449997901400693</v>
      </c>
      <c r="T31" s="95">
        <v>9.1770599196155531E-2</v>
      </c>
      <c r="U31" s="204">
        <v>0.60226598704640755</v>
      </c>
      <c r="V31" s="95">
        <v>0.11411772441663777</v>
      </c>
    </row>
    <row r="32" spans="1:22" ht="25.5">
      <c r="A32" s="46" t="s">
        <v>444</v>
      </c>
      <c r="B32" s="202">
        <v>112</v>
      </c>
      <c r="C32" s="205">
        <v>5.2457989478708597E-2</v>
      </c>
      <c r="D32" s="98">
        <v>4.577885922999253E-2</v>
      </c>
      <c r="E32" s="205">
        <v>0.13704061394746922</v>
      </c>
      <c r="F32" s="98">
        <v>6.4901151501939022E-2</v>
      </c>
      <c r="G32" s="205">
        <v>0.81050139657382225</v>
      </c>
      <c r="H32" s="98">
        <v>7.2820612012111291E-2</v>
      </c>
      <c r="I32" s="202">
        <v>112</v>
      </c>
      <c r="J32" s="205">
        <v>0.19425344277558326</v>
      </c>
      <c r="K32" s="98">
        <v>7.3439113579385554E-2</v>
      </c>
      <c r="L32" s="205">
        <v>0.21994347884003079</v>
      </c>
      <c r="M32" s="98">
        <v>7.653702094995983E-2</v>
      </c>
      <c r="N32" s="205">
        <v>0.58580307838438594</v>
      </c>
      <c r="O32" s="98">
        <v>8.9733051536978525E-2</v>
      </c>
      <c r="P32" s="202">
        <v>113</v>
      </c>
      <c r="Q32" s="205">
        <v>0.2625135174173901</v>
      </c>
      <c r="R32" s="98">
        <v>8.0505662206716774E-2</v>
      </c>
      <c r="S32" s="205">
        <v>0.13047300400611742</v>
      </c>
      <c r="T32" s="98">
        <v>6.3453579386328451E-2</v>
      </c>
      <c r="U32" s="205">
        <v>0.60701347857649246</v>
      </c>
      <c r="V32" s="98">
        <v>8.8644258117036703E-2</v>
      </c>
    </row>
    <row r="33" spans="1:22">
      <c r="A33" s="54" t="s">
        <v>445</v>
      </c>
      <c r="B33" s="200">
        <v>240</v>
      </c>
      <c r="C33" s="204">
        <v>0.11701363079384022</v>
      </c>
      <c r="D33" s="95">
        <v>4.1253066497865372E-2</v>
      </c>
      <c r="E33" s="204">
        <v>0.10865597712515332</v>
      </c>
      <c r="F33" s="95">
        <v>4.0040460089563329E-2</v>
      </c>
      <c r="G33" s="204">
        <v>0.77433039208100651</v>
      </c>
      <c r="H33" s="95">
        <v>5.2817864070226116E-2</v>
      </c>
      <c r="I33" s="200">
        <v>241</v>
      </c>
      <c r="J33" s="204">
        <v>0.1901206340364236</v>
      </c>
      <c r="K33" s="95">
        <v>4.962950830720457E-2</v>
      </c>
      <c r="L33" s="204">
        <v>0.13969544342498125</v>
      </c>
      <c r="M33" s="95">
        <v>4.416284808444082E-2</v>
      </c>
      <c r="N33" s="204">
        <v>0.67018392253859516</v>
      </c>
      <c r="O33" s="95">
        <v>5.8996395861031899E-2</v>
      </c>
      <c r="P33" s="200">
        <v>239</v>
      </c>
      <c r="Q33" s="204">
        <v>0.18427805341838496</v>
      </c>
      <c r="R33" s="95">
        <v>4.9273363308787371E-2</v>
      </c>
      <c r="S33" s="204">
        <v>0.21306114250030728</v>
      </c>
      <c r="T33" s="95">
        <v>5.1895483958617421E-2</v>
      </c>
      <c r="U33" s="204">
        <v>0.60266080408130773</v>
      </c>
      <c r="V33" s="95">
        <v>6.1571812458983362E-2</v>
      </c>
    </row>
    <row r="34" spans="1:22">
      <c r="A34" s="46" t="s">
        <v>446</v>
      </c>
      <c r="B34" s="202">
        <v>124</v>
      </c>
      <c r="C34" s="205">
        <v>7.782985632821339E-2</v>
      </c>
      <c r="D34" s="98">
        <v>4.9831321547080483E-2</v>
      </c>
      <c r="E34" s="205">
        <v>9.1663268781648405E-2</v>
      </c>
      <c r="F34" s="98">
        <v>5.297879665010647E-2</v>
      </c>
      <c r="G34" s="205">
        <v>0.83050687489013819</v>
      </c>
      <c r="H34" s="98">
        <v>6.6531306481397726E-2</v>
      </c>
      <c r="I34" s="202">
        <v>125</v>
      </c>
      <c r="J34" s="205">
        <v>0.23921059398873232</v>
      </c>
      <c r="K34" s="98">
        <v>7.445305369433261E-2</v>
      </c>
      <c r="L34" s="205">
        <v>0.16733172079833289</v>
      </c>
      <c r="M34" s="98">
        <v>6.5958278368315748E-2</v>
      </c>
      <c r="N34" s="205">
        <v>0.59345768521293485</v>
      </c>
      <c r="O34" s="98">
        <v>8.4857142161991861E-2</v>
      </c>
      <c r="P34" s="202">
        <v>124</v>
      </c>
      <c r="Q34" s="205">
        <v>0.24351549424384944</v>
      </c>
      <c r="R34" s="98">
        <v>7.5168095144182503E-2</v>
      </c>
      <c r="S34" s="205">
        <v>0.23125529144020662</v>
      </c>
      <c r="T34" s="98">
        <v>7.3951806861005415E-2</v>
      </c>
      <c r="U34" s="205">
        <v>0.52522921431594405</v>
      </c>
      <c r="V34" s="98">
        <v>8.6517032715785022E-2</v>
      </c>
    </row>
    <row r="35" spans="1:22">
      <c r="A35" s="54" t="s">
        <v>447</v>
      </c>
      <c r="B35" s="200">
        <v>116</v>
      </c>
      <c r="C35" s="204">
        <v>0.17736803304275525</v>
      </c>
      <c r="D35" s="95">
        <v>6.9924764376472048E-2</v>
      </c>
      <c r="E35" s="204">
        <v>0.13482968725514763</v>
      </c>
      <c r="F35" s="95">
        <v>6.3357949648321435E-2</v>
      </c>
      <c r="G35" s="204">
        <v>0.68780227970209717</v>
      </c>
      <c r="H35" s="95">
        <v>8.3356173159087651E-2</v>
      </c>
      <c r="I35" s="200">
        <v>116</v>
      </c>
      <c r="J35" s="204">
        <v>0.11448699058296216</v>
      </c>
      <c r="K35" s="95">
        <v>5.9643985301017367E-2</v>
      </c>
      <c r="L35" s="204">
        <v>9.7115813063340745E-2</v>
      </c>
      <c r="M35" s="95">
        <v>5.610447239889331E-2</v>
      </c>
      <c r="N35" s="204">
        <v>0.78839719635369709</v>
      </c>
      <c r="O35" s="95">
        <v>7.4264670198279231E-2</v>
      </c>
      <c r="P35" s="200">
        <v>115</v>
      </c>
      <c r="Q35" s="204">
        <v>9.2910655698701688E-2</v>
      </c>
      <c r="R35" s="95">
        <v>5.5446482126289436E-2</v>
      </c>
      <c r="S35" s="204">
        <v>0.18499861955538729</v>
      </c>
      <c r="T35" s="95">
        <v>7.126758471222748E-2</v>
      </c>
      <c r="U35" s="204">
        <v>0.72209072474591107</v>
      </c>
      <c r="V35" s="95">
        <v>8.1138958990684046E-2</v>
      </c>
    </row>
    <row r="36" spans="1:22" s="5" customFormat="1"/>
    <row r="41" spans="1:22" ht="18.75">
      <c r="A41" s="327" t="s">
        <v>55</v>
      </c>
      <c r="B41" s="327"/>
      <c r="C41" s="327"/>
      <c r="D41" s="327"/>
    </row>
    <row r="42" spans="1:22" ht="156.75" customHeight="1">
      <c r="A42" s="348" t="s">
        <v>393</v>
      </c>
      <c r="B42" s="348"/>
      <c r="C42" s="348"/>
      <c r="D42" s="348"/>
    </row>
    <row r="43" spans="1:22" ht="39" customHeight="1">
      <c r="A43" s="329" t="s">
        <v>231</v>
      </c>
      <c r="B43" s="329"/>
      <c r="C43" s="329"/>
      <c r="D43" s="329"/>
    </row>
    <row r="44" spans="1:22" ht="39" customHeight="1">
      <c r="A44" s="34" t="s">
        <v>114</v>
      </c>
      <c r="B44" s="35" t="s">
        <v>115</v>
      </c>
      <c r="C44" s="36" t="s">
        <v>116</v>
      </c>
      <c r="D44" s="37" t="s">
        <v>117</v>
      </c>
    </row>
    <row r="45" spans="1:22" ht="72">
      <c r="A45" s="38"/>
      <c r="B45" s="39" t="s">
        <v>118</v>
      </c>
      <c r="C45" s="130" t="s">
        <v>232</v>
      </c>
      <c r="D45" s="41" t="s">
        <v>120</v>
      </c>
    </row>
    <row r="46" spans="1:22">
      <c r="A46" s="42" t="s">
        <v>442</v>
      </c>
      <c r="B46" s="206">
        <v>12498</v>
      </c>
      <c r="C46" s="207">
        <v>3.7895969261077846</v>
      </c>
      <c r="D46" s="208">
        <v>3.8758168883633815E-2</v>
      </c>
    </row>
    <row r="47" spans="1:22">
      <c r="A47" s="46" t="s">
        <v>443</v>
      </c>
      <c r="B47" s="209">
        <v>997</v>
      </c>
      <c r="C47" s="210">
        <v>3.9820067206061363</v>
      </c>
      <c r="D47" s="211">
        <v>0.15644902710172603</v>
      </c>
    </row>
    <row r="48" spans="1:22">
      <c r="A48" s="50" t="s">
        <v>434</v>
      </c>
      <c r="B48" s="80">
        <v>273</v>
      </c>
      <c r="C48" s="81">
        <v>4.0078907090184916</v>
      </c>
      <c r="D48" s="82">
        <v>0.30352641473655328</v>
      </c>
    </row>
    <row r="49" spans="1:29" ht="25.5">
      <c r="A49" s="46" t="s">
        <v>438</v>
      </c>
      <c r="B49" s="209">
        <v>57</v>
      </c>
      <c r="C49" s="210">
        <v>4.3261437462758021</v>
      </c>
      <c r="D49" s="211">
        <v>0.50836942959838316</v>
      </c>
    </row>
    <row r="50" spans="1:29" ht="38.25">
      <c r="A50" s="54" t="s">
        <v>454</v>
      </c>
      <c r="B50" s="206">
        <v>68</v>
      </c>
      <c r="C50" s="207">
        <v>4.5214473641232393</v>
      </c>
      <c r="D50" s="208">
        <v>0.50869522797809275</v>
      </c>
    </row>
    <row r="51" spans="1:29" ht="25.5">
      <c r="A51" s="46" t="s">
        <v>444</v>
      </c>
      <c r="B51" s="209">
        <v>113</v>
      </c>
      <c r="C51" s="210">
        <v>3.8456899189183669</v>
      </c>
      <c r="D51" s="211">
        <v>0.41725238519853836</v>
      </c>
    </row>
    <row r="52" spans="1:29">
      <c r="A52" s="54" t="s">
        <v>445</v>
      </c>
      <c r="B52" s="206">
        <v>239</v>
      </c>
      <c r="C52" s="207">
        <v>4.2313891445496772</v>
      </c>
      <c r="D52" s="208">
        <v>0.41319785029293588</v>
      </c>
    </row>
    <row r="53" spans="1:29">
      <c r="A53" s="46" t="s">
        <v>446</v>
      </c>
      <c r="B53" s="209">
        <v>124</v>
      </c>
      <c r="C53" s="210">
        <v>4.2514931074850546</v>
      </c>
      <c r="D53" s="211">
        <v>0.61760569794822384</v>
      </c>
    </row>
    <row r="54" spans="1:29">
      <c r="A54" s="54" t="s">
        <v>447</v>
      </c>
      <c r="B54" s="206">
        <v>115</v>
      </c>
      <c r="C54" s="207">
        <v>4.2003809383938702</v>
      </c>
      <c r="D54" s="208">
        <v>0.4444014444277995</v>
      </c>
    </row>
    <row r="55" spans="1:29" s="5" customFormat="1"/>
    <row r="60" spans="1:29" ht="18.75">
      <c r="A60" s="327" t="s">
        <v>56</v>
      </c>
      <c r="B60" s="327"/>
      <c r="C60" s="327"/>
      <c r="D60" s="327"/>
      <c r="E60" s="327"/>
      <c r="F60" s="327"/>
      <c r="G60" s="327"/>
      <c r="H60" s="327"/>
      <c r="I60" s="327"/>
      <c r="J60" s="327"/>
      <c r="K60" s="327"/>
      <c r="L60" s="327"/>
      <c r="M60" s="327"/>
      <c r="N60" s="327"/>
      <c r="O60" s="327"/>
      <c r="P60" s="327"/>
      <c r="Q60" s="327"/>
      <c r="R60" s="327"/>
      <c r="S60" s="327"/>
      <c r="T60" s="327"/>
      <c r="U60" s="327"/>
      <c r="V60" s="327"/>
      <c r="W60" s="327"/>
      <c r="X60" s="327"/>
      <c r="Y60" s="327"/>
      <c r="Z60" s="327"/>
      <c r="AA60" s="327"/>
      <c r="AB60" s="327"/>
      <c r="AC60" s="327"/>
    </row>
    <row r="61" spans="1:29" ht="65.25" customHeight="1">
      <c r="A61" s="359" t="s">
        <v>394</v>
      </c>
      <c r="B61" s="359"/>
      <c r="C61" s="359"/>
      <c r="D61" s="359"/>
      <c r="E61" s="359"/>
      <c r="F61" s="359"/>
      <c r="G61" s="359"/>
      <c r="H61" s="359"/>
      <c r="I61" s="359"/>
      <c r="J61" s="359"/>
      <c r="K61" s="359"/>
      <c r="L61" s="359"/>
      <c r="M61" s="359"/>
      <c r="N61" s="359"/>
      <c r="O61" s="359"/>
      <c r="P61" s="359"/>
      <c r="Q61" s="359"/>
      <c r="R61" s="359"/>
      <c r="S61" s="359"/>
      <c r="T61" s="359"/>
      <c r="U61" s="359"/>
      <c r="V61" s="359"/>
      <c r="W61" s="359"/>
      <c r="X61" s="359"/>
      <c r="Y61" s="359"/>
      <c r="Z61" s="359"/>
      <c r="AA61" s="359"/>
      <c r="AB61" s="359"/>
      <c r="AC61" s="359"/>
    </row>
    <row r="62" spans="1:29" ht="38.25" customHeight="1">
      <c r="A62" s="61"/>
      <c r="B62" s="347" t="s">
        <v>395</v>
      </c>
      <c r="C62" s="347"/>
      <c r="D62" s="347"/>
      <c r="E62" s="347"/>
      <c r="F62" s="347"/>
      <c r="G62" s="347"/>
      <c r="H62" s="347"/>
      <c r="I62" s="347" t="s">
        <v>396</v>
      </c>
      <c r="J62" s="347"/>
      <c r="K62" s="347"/>
      <c r="L62" s="347"/>
      <c r="M62" s="347"/>
      <c r="N62" s="347"/>
      <c r="O62" s="347"/>
      <c r="P62" s="347" t="s">
        <v>397</v>
      </c>
      <c r="Q62" s="347"/>
      <c r="R62" s="347"/>
      <c r="S62" s="347"/>
      <c r="T62" s="347"/>
      <c r="U62" s="347"/>
      <c r="V62" s="347"/>
      <c r="W62" s="347" t="s">
        <v>398</v>
      </c>
      <c r="X62" s="347"/>
      <c r="Y62" s="347"/>
      <c r="Z62" s="347"/>
      <c r="AA62" s="347"/>
      <c r="AB62" s="347"/>
      <c r="AC62" s="347"/>
    </row>
    <row r="63" spans="1:29" ht="72">
      <c r="A63" s="34" t="s">
        <v>114</v>
      </c>
      <c r="B63" s="35" t="s">
        <v>115</v>
      </c>
      <c r="C63" s="35" t="s">
        <v>335</v>
      </c>
      <c r="D63" s="90" t="s">
        <v>233</v>
      </c>
      <c r="E63" s="35" t="s">
        <v>336</v>
      </c>
      <c r="F63" s="90" t="s">
        <v>234</v>
      </c>
      <c r="G63" s="35" t="s">
        <v>337</v>
      </c>
      <c r="H63" s="90" t="s">
        <v>235</v>
      </c>
      <c r="I63" s="62" t="s">
        <v>115</v>
      </c>
      <c r="J63" s="62" t="s">
        <v>335</v>
      </c>
      <c r="K63" s="89" t="s">
        <v>233</v>
      </c>
      <c r="L63" s="62" t="s">
        <v>336</v>
      </c>
      <c r="M63" s="89" t="s">
        <v>234</v>
      </c>
      <c r="N63" s="62" t="s">
        <v>337</v>
      </c>
      <c r="O63" s="89" t="s">
        <v>235</v>
      </c>
      <c r="P63" s="35" t="s">
        <v>115</v>
      </c>
      <c r="Q63" s="35" t="s">
        <v>335</v>
      </c>
      <c r="R63" s="90" t="s">
        <v>233</v>
      </c>
      <c r="S63" s="35" t="s">
        <v>336</v>
      </c>
      <c r="T63" s="90" t="s">
        <v>234</v>
      </c>
      <c r="U63" s="35" t="s">
        <v>337</v>
      </c>
      <c r="V63" s="90" t="s">
        <v>235</v>
      </c>
      <c r="W63" s="62" t="s">
        <v>115</v>
      </c>
      <c r="X63" s="62" t="s">
        <v>335</v>
      </c>
      <c r="Y63" s="89" t="s">
        <v>233</v>
      </c>
      <c r="Z63" s="62" t="s">
        <v>336</v>
      </c>
      <c r="AA63" s="89" t="s">
        <v>234</v>
      </c>
      <c r="AB63" s="62" t="s">
        <v>337</v>
      </c>
      <c r="AC63" s="89" t="s">
        <v>235</v>
      </c>
    </row>
    <row r="64" spans="1:29" ht="72">
      <c r="A64" s="38"/>
      <c r="B64" s="39" t="s">
        <v>118</v>
      </c>
      <c r="C64" s="39" t="s">
        <v>303</v>
      </c>
      <c r="D64" s="92" t="s">
        <v>148</v>
      </c>
      <c r="E64" s="39" t="s">
        <v>304</v>
      </c>
      <c r="F64" s="92" t="s">
        <v>148</v>
      </c>
      <c r="G64" s="39" t="s">
        <v>305</v>
      </c>
      <c r="H64" s="92" t="s">
        <v>148</v>
      </c>
      <c r="I64" s="65" t="s">
        <v>118</v>
      </c>
      <c r="J64" s="65" t="s">
        <v>303</v>
      </c>
      <c r="K64" s="91" t="s">
        <v>148</v>
      </c>
      <c r="L64" s="65" t="s">
        <v>304</v>
      </c>
      <c r="M64" s="91" t="s">
        <v>148</v>
      </c>
      <c r="N64" s="65" t="s">
        <v>305</v>
      </c>
      <c r="O64" s="91" t="s">
        <v>148</v>
      </c>
      <c r="P64" s="39" t="s">
        <v>118</v>
      </c>
      <c r="Q64" s="39" t="s">
        <v>303</v>
      </c>
      <c r="R64" s="92" t="s">
        <v>148</v>
      </c>
      <c r="S64" s="39" t="s">
        <v>304</v>
      </c>
      <c r="T64" s="92" t="s">
        <v>148</v>
      </c>
      <c r="U64" s="39" t="s">
        <v>305</v>
      </c>
      <c r="V64" s="92" t="s">
        <v>148</v>
      </c>
      <c r="W64" s="65" t="s">
        <v>118</v>
      </c>
      <c r="X64" s="65" t="s">
        <v>303</v>
      </c>
      <c r="Y64" s="91" t="s">
        <v>148</v>
      </c>
      <c r="Z64" s="65" t="s">
        <v>304</v>
      </c>
      <c r="AA64" s="91" t="s">
        <v>148</v>
      </c>
      <c r="AB64" s="65" t="s">
        <v>305</v>
      </c>
      <c r="AC64" s="91" t="s">
        <v>148</v>
      </c>
    </row>
    <row r="65" spans="1:29">
      <c r="A65" s="42" t="s">
        <v>442</v>
      </c>
      <c r="B65" s="206">
        <v>12853</v>
      </c>
      <c r="C65" s="212">
        <v>0.36685062133393742</v>
      </c>
      <c r="D65" s="95">
        <v>8.3309452934555699E-3</v>
      </c>
      <c r="E65" s="212">
        <v>0.16657368878837936</v>
      </c>
      <c r="F65" s="95">
        <v>6.4421556203094884E-3</v>
      </c>
      <c r="G65" s="212">
        <v>0.46657568987768322</v>
      </c>
      <c r="H65" s="95">
        <v>8.6235147663923477E-3</v>
      </c>
      <c r="I65" s="206">
        <v>12871</v>
      </c>
      <c r="J65" s="212">
        <v>0.21628313968395768</v>
      </c>
      <c r="K65" s="95">
        <v>7.1127482149028866E-3</v>
      </c>
      <c r="L65" s="212">
        <v>0.14460879696740384</v>
      </c>
      <c r="M65" s="95">
        <v>6.0771492528029171E-3</v>
      </c>
      <c r="N65" s="212">
        <v>0.63910806334863846</v>
      </c>
      <c r="O65" s="95">
        <v>8.2960146133620061E-3</v>
      </c>
      <c r="P65" s="206">
        <v>12870</v>
      </c>
      <c r="Q65" s="212">
        <v>0.57649452102634169</v>
      </c>
      <c r="R65" s="95">
        <v>8.5355136481679861E-3</v>
      </c>
      <c r="S65" s="212">
        <v>9.4577967445023087E-2</v>
      </c>
      <c r="T65" s="95">
        <v>5.057997899606515E-3</v>
      </c>
      <c r="U65" s="212">
        <v>0.32892751152863525</v>
      </c>
      <c r="V65" s="95">
        <v>8.11618659223611E-3</v>
      </c>
      <c r="W65" s="206">
        <v>12809</v>
      </c>
      <c r="X65" s="212">
        <v>0.62314731330448947</v>
      </c>
      <c r="Y65" s="95">
        <v>8.3911325917231244E-3</v>
      </c>
      <c r="Z65" s="212">
        <v>8.0985929483572916E-2</v>
      </c>
      <c r="AA65" s="95">
        <v>4.7273316186473586E-3</v>
      </c>
      <c r="AB65" s="212">
        <v>0.29586675721193767</v>
      </c>
      <c r="AC65" s="95">
        <v>7.903751570617977E-3</v>
      </c>
    </row>
    <row r="66" spans="1:29">
      <c r="A66" s="46" t="s">
        <v>443</v>
      </c>
      <c r="B66" s="209">
        <v>1017</v>
      </c>
      <c r="C66" s="213">
        <v>0.33991324663296701</v>
      </c>
      <c r="D66" s="98">
        <v>2.906843333070553E-2</v>
      </c>
      <c r="E66" s="213">
        <v>0.14806184346041842</v>
      </c>
      <c r="F66" s="98">
        <v>2.1869047878037833E-2</v>
      </c>
      <c r="G66" s="213">
        <v>0.51202490990661464</v>
      </c>
      <c r="H66" s="98">
        <v>3.0661158093285394E-2</v>
      </c>
      <c r="I66" s="209">
        <v>1017</v>
      </c>
      <c r="J66" s="213">
        <v>0.18576501036736279</v>
      </c>
      <c r="K66" s="98">
        <v>2.3916949526850508E-2</v>
      </c>
      <c r="L66" s="213">
        <v>0.13159446343313616</v>
      </c>
      <c r="M66" s="98">
        <v>2.0831990825896988E-2</v>
      </c>
      <c r="N66" s="213">
        <v>0.68264052619950111</v>
      </c>
      <c r="O66" s="98">
        <v>2.856776587303083E-2</v>
      </c>
      <c r="P66" s="209">
        <v>1021</v>
      </c>
      <c r="Q66" s="213">
        <v>0.52558017624610998</v>
      </c>
      <c r="R66" s="98">
        <v>3.0570284435793269E-2</v>
      </c>
      <c r="S66" s="213">
        <v>9.9588825207050771E-2</v>
      </c>
      <c r="T66" s="98">
        <v>1.8459646120082444E-2</v>
      </c>
      <c r="U66" s="213">
        <v>0.37483099854683932</v>
      </c>
      <c r="V66" s="98">
        <v>2.9643103424470397E-2</v>
      </c>
      <c r="W66" s="209">
        <v>1016</v>
      </c>
      <c r="X66" s="213">
        <v>0.57346939293480537</v>
      </c>
      <c r="Y66" s="98">
        <v>3.0354544084354999E-2</v>
      </c>
      <c r="Z66" s="213">
        <v>0.10155712978584697</v>
      </c>
      <c r="AA66" s="98">
        <v>1.8663537200437792E-2</v>
      </c>
      <c r="AB66" s="213">
        <v>0.32497347727934772</v>
      </c>
      <c r="AC66" s="98">
        <v>2.8759253294262058E-2</v>
      </c>
    </row>
    <row r="67" spans="1:29">
      <c r="A67" s="50" t="s">
        <v>434</v>
      </c>
      <c r="B67" s="51">
        <v>272</v>
      </c>
      <c r="C67" s="183">
        <v>0.36022530007735187</v>
      </c>
      <c r="D67" s="95">
        <v>5.6706288784602259E-2</v>
      </c>
      <c r="E67" s="183">
        <v>0.16461324848453185</v>
      </c>
      <c r="F67" s="95">
        <v>4.426185501767458E-2</v>
      </c>
      <c r="G67" s="183">
        <v>0.47516145143811628</v>
      </c>
      <c r="H67" s="95">
        <v>5.8918333059488383E-2</v>
      </c>
      <c r="I67" s="51">
        <v>272</v>
      </c>
      <c r="J67" s="183">
        <v>0.17804716121090144</v>
      </c>
      <c r="K67" s="95">
        <v>4.5590429459420601E-2</v>
      </c>
      <c r="L67" s="183">
        <v>0.12198277923315441</v>
      </c>
      <c r="M67" s="95">
        <v>3.934440993084367E-2</v>
      </c>
      <c r="N67" s="183">
        <v>0.69997005955594416</v>
      </c>
      <c r="O67" s="95">
        <v>5.421382898408348E-2</v>
      </c>
      <c r="P67" s="51">
        <v>273</v>
      </c>
      <c r="Q67" s="183">
        <v>0.52973733184859517</v>
      </c>
      <c r="R67" s="95">
        <v>5.8781251568712618E-2</v>
      </c>
      <c r="S67" s="183">
        <v>7.0463185757484628E-2</v>
      </c>
      <c r="T67" s="95">
        <v>3.1332619192491612E-2</v>
      </c>
      <c r="U67" s="183">
        <v>0.39979948239392032</v>
      </c>
      <c r="V67" s="95">
        <v>5.7722593234646249E-2</v>
      </c>
      <c r="W67" s="51">
        <v>272</v>
      </c>
      <c r="X67" s="183">
        <v>0.51741632234256074</v>
      </c>
      <c r="Y67" s="95">
        <v>5.8954301423143785E-2</v>
      </c>
      <c r="Z67" s="183">
        <v>0.14705725668095385</v>
      </c>
      <c r="AA67" s="95">
        <v>4.2376317534855594E-2</v>
      </c>
      <c r="AB67" s="183">
        <v>0.33552642097648544</v>
      </c>
      <c r="AC67" s="95">
        <v>5.5803391831937325E-2</v>
      </c>
    </row>
    <row r="68" spans="1:29" ht="25.5">
      <c r="A68" s="46" t="s">
        <v>438</v>
      </c>
      <c r="B68" s="209">
        <v>57</v>
      </c>
      <c r="C68" s="213">
        <v>0.3164155654752136</v>
      </c>
      <c r="D68" s="98">
        <v>0.11785995671945111</v>
      </c>
      <c r="E68" s="213">
        <v>0.17185889594259265</v>
      </c>
      <c r="F68" s="98">
        <v>9.9112471243676392E-2</v>
      </c>
      <c r="G68" s="213">
        <v>0.51172553858219383</v>
      </c>
      <c r="H68" s="98">
        <v>0.12544601234747291</v>
      </c>
      <c r="I68" s="209">
        <v>57</v>
      </c>
      <c r="J68" s="213">
        <v>0.16338609096187803</v>
      </c>
      <c r="K68" s="98">
        <v>9.7537519505131912E-2</v>
      </c>
      <c r="L68" s="213">
        <v>8.8002532109736742E-2</v>
      </c>
      <c r="M68" s="98">
        <v>8.0064966437199445E-2</v>
      </c>
      <c r="N68" s="213">
        <v>0.7486113769283852</v>
      </c>
      <c r="O68" s="98">
        <v>0.11111053251855951</v>
      </c>
      <c r="P68" s="209">
        <v>57</v>
      </c>
      <c r="Q68" s="213">
        <v>0.52787588427073873</v>
      </c>
      <c r="R68" s="98">
        <v>0.12530575650654319</v>
      </c>
      <c r="S68" s="213">
        <v>3.425208200796253E-2</v>
      </c>
      <c r="T68" s="98">
        <v>6.1774444891080534E-2</v>
      </c>
      <c r="U68" s="213">
        <v>0.43787203372129868</v>
      </c>
      <c r="V68" s="98">
        <v>0.12462749624551528</v>
      </c>
      <c r="W68" s="209">
        <v>56</v>
      </c>
      <c r="X68" s="213">
        <v>0.33440491315843812</v>
      </c>
      <c r="Y68" s="98">
        <v>0.12032139293806056</v>
      </c>
      <c r="Z68" s="213">
        <v>0.27296553195409345</v>
      </c>
      <c r="AA68" s="98">
        <v>0.11459405661727277</v>
      </c>
      <c r="AB68" s="213">
        <v>0.39262955488746837</v>
      </c>
      <c r="AC68" s="98">
        <v>0.12395030076850572</v>
      </c>
    </row>
    <row r="69" spans="1:29" ht="38.25">
      <c r="A69" s="54" t="s">
        <v>454</v>
      </c>
      <c r="B69" s="206">
        <v>68</v>
      </c>
      <c r="C69" s="212">
        <v>0.25426908116703811</v>
      </c>
      <c r="D69" s="95">
        <v>0.10229916105036595</v>
      </c>
      <c r="E69" s="212">
        <v>7.0466683898869273E-2</v>
      </c>
      <c r="F69" s="95">
        <v>6.751480244329304E-2</v>
      </c>
      <c r="G69" s="212">
        <v>0.6752642349340926</v>
      </c>
      <c r="H69" s="95">
        <v>0.10898157699345588</v>
      </c>
      <c r="I69" s="206">
        <v>68</v>
      </c>
      <c r="J69" s="212">
        <v>8.7227425036436407E-2</v>
      </c>
      <c r="K69" s="95">
        <v>7.2319668569249693E-2</v>
      </c>
      <c r="L69" s="212">
        <v>0.12351973955751454</v>
      </c>
      <c r="M69" s="95">
        <v>8.1199421998240859E-2</v>
      </c>
      <c r="N69" s="212">
        <v>0.78925283540604896</v>
      </c>
      <c r="O69" s="95">
        <v>9.6731654159978725E-2</v>
      </c>
      <c r="P69" s="206">
        <v>68</v>
      </c>
      <c r="Q69" s="212">
        <v>0.24040641396172147</v>
      </c>
      <c r="R69" s="95">
        <v>0.10065649806961377</v>
      </c>
      <c r="S69" s="212">
        <v>4.7191791468717222E-2</v>
      </c>
      <c r="T69" s="95">
        <v>5.9840482371688444E-2</v>
      </c>
      <c r="U69" s="212">
        <v>0.71240179456956132</v>
      </c>
      <c r="V69" s="95">
        <v>0.10579133161249177</v>
      </c>
      <c r="W69" s="206">
        <v>68</v>
      </c>
      <c r="X69" s="212">
        <v>0.51804727458121258</v>
      </c>
      <c r="Y69" s="95">
        <v>0.1154269813827737</v>
      </c>
      <c r="Z69" s="212">
        <v>0.18600702018513243</v>
      </c>
      <c r="AA69" s="95">
        <v>9.2987815496699308E-2</v>
      </c>
      <c r="AB69" s="212">
        <v>0.29594570523365499</v>
      </c>
      <c r="AC69" s="95">
        <v>0.10657041121153181</v>
      </c>
    </row>
    <row r="70" spans="1:29" ht="25.5">
      <c r="A70" s="46" t="s">
        <v>444</v>
      </c>
      <c r="B70" s="209">
        <v>112</v>
      </c>
      <c r="C70" s="213">
        <v>0.39366321164229418</v>
      </c>
      <c r="D70" s="98">
        <v>8.9051767064330004E-2</v>
      </c>
      <c r="E70" s="213">
        <v>0.16822113991840798</v>
      </c>
      <c r="F70" s="98">
        <v>6.9863672051143744E-2</v>
      </c>
      <c r="G70" s="213">
        <v>0.43811564843929779</v>
      </c>
      <c r="H70" s="98">
        <v>9.0338685550596279E-2</v>
      </c>
      <c r="I70" s="209">
        <v>113</v>
      </c>
      <c r="J70" s="213">
        <v>0.19913148456858495</v>
      </c>
      <c r="K70" s="98">
        <v>7.3729839931598234E-2</v>
      </c>
      <c r="L70" s="213">
        <v>0.12414323454045142</v>
      </c>
      <c r="M70" s="98">
        <v>6.2304517797608469E-2</v>
      </c>
      <c r="N70" s="213">
        <v>0.67672528089096351</v>
      </c>
      <c r="O70" s="98">
        <v>8.5158643251949342E-2</v>
      </c>
      <c r="P70" s="209">
        <v>113</v>
      </c>
      <c r="Q70" s="213">
        <v>0.58207554367545589</v>
      </c>
      <c r="R70" s="98">
        <v>8.9455173825384704E-2</v>
      </c>
      <c r="S70" s="213">
        <v>7.802811476701689E-2</v>
      </c>
      <c r="T70" s="98">
        <v>5.2488163782394251E-2</v>
      </c>
      <c r="U70" s="213">
        <v>0.33989634155752718</v>
      </c>
      <c r="V70" s="98">
        <v>8.6159543475829978E-2</v>
      </c>
      <c r="W70" s="209">
        <v>113</v>
      </c>
      <c r="X70" s="213">
        <v>0.55195100076213199</v>
      </c>
      <c r="Y70" s="98">
        <v>9.0143697894738334E-2</v>
      </c>
      <c r="Z70" s="213">
        <v>0.11268855120008046</v>
      </c>
      <c r="AA70" s="98">
        <v>6.0117484846375698E-2</v>
      </c>
      <c r="AB70" s="213">
        <v>0.33536044803778753</v>
      </c>
      <c r="AC70" s="98">
        <v>8.5897337654759834E-2</v>
      </c>
    </row>
    <row r="71" spans="1:29">
      <c r="A71" s="54" t="s">
        <v>445</v>
      </c>
      <c r="B71" s="206">
        <v>236</v>
      </c>
      <c r="C71" s="212">
        <v>0.36362194526158859</v>
      </c>
      <c r="D71" s="95">
        <v>6.0940954880425086E-2</v>
      </c>
      <c r="E71" s="212">
        <v>0.11753858435403187</v>
      </c>
      <c r="F71" s="95">
        <v>4.1685250529727561E-2</v>
      </c>
      <c r="G71" s="212">
        <v>0.5188394703843795</v>
      </c>
      <c r="H71" s="95">
        <v>6.3215293123030467E-2</v>
      </c>
      <c r="I71" s="206">
        <v>238</v>
      </c>
      <c r="J71" s="212">
        <v>0.14034777970753703</v>
      </c>
      <c r="K71" s="95">
        <v>4.4526022285592208E-2</v>
      </c>
      <c r="L71" s="212">
        <v>6.9528402026227412E-2</v>
      </c>
      <c r="M71" s="95">
        <v>3.3517460722043264E-2</v>
      </c>
      <c r="N71" s="212">
        <v>0.79012381826623557</v>
      </c>
      <c r="O71" s="95">
        <v>5.1732247763150177E-2</v>
      </c>
      <c r="P71" s="206">
        <v>240</v>
      </c>
      <c r="Q71" s="212">
        <v>0.38724608264334409</v>
      </c>
      <c r="R71" s="95">
        <v>6.1175245831677431E-2</v>
      </c>
      <c r="S71" s="212">
        <v>0.12089186405894836</v>
      </c>
      <c r="T71" s="95">
        <v>4.1795164142615561E-2</v>
      </c>
      <c r="U71" s="212">
        <v>0.49186205329770755</v>
      </c>
      <c r="V71" s="95">
        <v>6.273003106619289E-2</v>
      </c>
      <c r="W71" s="206">
        <v>238</v>
      </c>
      <c r="X71" s="212">
        <v>0.52097079673080993</v>
      </c>
      <c r="Y71" s="95">
        <v>6.2943170964024991E-2</v>
      </c>
      <c r="Z71" s="212">
        <v>5.5096643983482969E-2</v>
      </c>
      <c r="AA71" s="95">
        <v>3.0486894432529704E-2</v>
      </c>
      <c r="AB71" s="212">
        <v>0.42393255928570711</v>
      </c>
      <c r="AC71" s="95">
        <v>6.2287664882301995E-2</v>
      </c>
    </row>
    <row r="72" spans="1:29">
      <c r="A72" s="46" t="s">
        <v>446</v>
      </c>
      <c r="B72" s="209">
        <v>123</v>
      </c>
      <c r="C72" s="213">
        <v>0.35880112461706093</v>
      </c>
      <c r="D72" s="98">
        <v>8.3645209110892765E-2</v>
      </c>
      <c r="E72" s="213">
        <v>0.1058028615591587</v>
      </c>
      <c r="F72" s="98">
        <v>5.6153580805749385E-2</v>
      </c>
      <c r="G72" s="213">
        <v>0.53539601382378033</v>
      </c>
      <c r="H72" s="98">
        <v>8.6756304302087001E-2</v>
      </c>
      <c r="I72" s="209">
        <v>124</v>
      </c>
      <c r="J72" s="213">
        <v>0.16600977159163477</v>
      </c>
      <c r="K72" s="98">
        <v>6.6039529435515956E-2</v>
      </c>
      <c r="L72" s="213">
        <v>4.5151654995650561E-2</v>
      </c>
      <c r="M72" s="98">
        <v>4.0938240343355851E-2</v>
      </c>
      <c r="N72" s="213">
        <v>0.78883857341271468</v>
      </c>
      <c r="O72" s="98">
        <v>7.1786471389245377E-2</v>
      </c>
      <c r="P72" s="209">
        <v>124</v>
      </c>
      <c r="Q72" s="213">
        <v>0.40075377071498702</v>
      </c>
      <c r="R72" s="98">
        <v>8.5004087336827058E-2</v>
      </c>
      <c r="S72" s="213">
        <v>7.6851857344859761E-2</v>
      </c>
      <c r="T72" s="98">
        <v>4.9597128713655049E-2</v>
      </c>
      <c r="U72" s="213">
        <v>0.52239437194015315</v>
      </c>
      <c r="V72" s="98">
        <v>8.6539005741242972E-2</v>
      </c>
      <c r="W72" s="209">
        <v>123</v>
      </c>
      <c r="X72" s="213">
        <v>0.50707211899702631</v>
      </c>
      <c r="Y72" s="98">
        <v>8.6952778179655993E-2</v>
      </c>
      <c r="Z72" s="213">
        <v>7.0228953159992183E-2</v>
      </c>
      <c r="AA72" s="98">
        <v>4.8182470242684301E-2</v>
      </c>
      <c r="AB72" s="213">
        <v>0.42269892784298146</v>
      </c>
      <c r="AC72" s="98">
        <v>8.5980583840239044E-2</v>
      </c>
    </row>
    <row r="73" spans="1:29">
      <c r="A73" s="54" t="s">
        <v>447</v>
      </c>
      <c r="B73" s="206">
        <v>113</v>
      </c>
      <c r="C73" s="212">
        <v>0.3710855804717697</v>
      </c>
      <c r="D73" s="95">
        <v>8.7747085003621661E-2</v>
      </c>
      <c r="E73" s="212">
        <v>0.13570792943600885</v>
      </c>
      <c r="F73" s="95">
        <v>6.4374000072144763E-2</v>
      </c>
      <c r="G73" s="212">
        <v>0.49320649009222134</v>
      </c>
      <c r="H73" s="95">
        <v>9.059323095761522E-2</v>
      </c>
      <c r="I73" s="206">
        <v>114</v>
      </c>
      <c r="J73" s="212">
        <v>9.9478136075090276E-2</v>
      </c>
      <c r="K73" s="95">
        <v>5.7135831029354198E-2</v>
      </c>
      <c r="L73" s="212">
        <v>0.10835114690735841</v>
      </c>
      <c r="M73" s="95">
        <v>5.8975297072426762E-2</v>
      </c>
      <c r="N73" s="212">
        <v>0.79217071701755137</v>
      </c>
      <c r="O73" s="95">
        <v>7.4465476150753218E-2</v>
      </c>
      <c r="P73" s="206">
        <v>116</v>
      </c>
      <c r="Q73" s="212">
        <v>0.36644031672500538</v>
      </c>
      <c r="R73" s="95">
        <v>8.6427481690120198E-2</v>
      </c>
      <c r="S73" s="212">
        <v>0.18872627553451218</v>
      </c>
      <c r="T73" s="95">
        <v>7.144830307235675E-2</v>
      </c>
      <c r="U73" s="212">
        <v>0.44483340774048247</v>
      </c>
      <c r="V73" s="95">
        <v>8.8951067450865284E-2</v>
      </c>
      <c r="W73" s="206">
        <v>115</v>
      </c>
      <c r="X73" s="212">
        <v>0.54236735832826</v>
      </c>
      <c r="Y73" s="95">
        <v>8.9534751543787303E-2</v>
      </c>
      <c r="Z73" s="212">
        <v>3.1800946967656292E-2</v>
      </c>
      <c r="AA73" s="95">
        <v>3.8232266249746356E-2</v>
      </c>
      <c r="AB73" s="212">
        <v>0.42583169470408372</v>
      </c>
      <c r="AC73" s="95">
        <v>8.8908620229189841E-2</v>
      </c>
    </row>
    <row r="74" spans="1:29" s="5" customFormat="1"/>
    <row r="79" spans="1:29" ht="18.75">
      <c r="A79" s="327" t="s">
        <v>34</v>
      </c>
      <c r="B79" s="327"/>
      <c r="C79" s="327"/>
      <c r="D79" s="327"/>
      <c r="E79" s="327"/>
      <c r="F79" s="327"/>
      <c r="G79" s="327"/>
      <c r="H79" s="327"/>
    </row>
    <row r="80" spans="1:29" ht="45.75" customHeight="1">
      <c r="A80" s="348" t="s">
        <v>400</v>
      </c>
      <c r="B80" s="348"/>
      <c r="C80" s="348"/>
      <c r="D80" s="348"/>
      <c r="E80" s="348"/>
      <c r="F80" s="348"/>
      <c r="G80" s="348"/>
      <c r="H80" s="348"/>
    </row>
    <row r="81" spans="1:8" ht="34.5" customHeight="1">
      <c r="A81" s="329" t="s">
        <v>401</v>
      </c>
      <c r="B81" s="329"/>
      <c r="C81" s="329"/>
      <c r="D81" s="329"/>
      <c r="E81" s="329"/>
      <c r="F81" s="329"/>
      <c r="G81" s="329"/>
      <c r="H81" s="329"/>
    </row>
    <row r="82" spans="1:8" ht="37.5" customHeight="1">
      <c r="A82" s="111" t="s">
        <v>114</v>
      </c>
      <c r="B82" s="35" t="s">
        <v>115</v>
      </c>
      <c r="C82" s="35" t="s">
        <v>399</v>
      </c>
      <c r="D82" s="90" t="s">
        <v>236</v>
      </c>
      <c r="E82" s="35" t="s">
        <v>237</v>
      </c>
      <c r="F82" s="90" t="s">
        <v>238</v>
      </c>
      <c r="G82" s="35" t="s">
        <v>239</v>
      </c>
      <c r="H82" s="90" t="s">
        <v>240</v>
      </c>
    </row>
    <row r="83" spans="1:8" ht="72">
      <c r="A83" s="112"/>
      <c r="B83" s="39" t="s">
        <v>118</v>
      </c>
      <c r="C83" s="39" t="s">
        <v>338</v>
      </c>
      <c r="D83" s="92" t="s">
        <v>148</v>
      </c>
      <c r="E83" s="39" t="s">
        <v>339</v>
      </c>
      <c r="F83" s="92" t="s">
        <v>148</v>
      </c>
      <c r="G83" s="39" t="s">
        <v>340</v>
      </c>
      <c r="H83" s="92" t="s">
        <v>148</v>
      </c>
    </row>
    <row r="84" spans="1:8">
      <c r="A84" s="42" t="s">
        <v>442</v>
      </c>
      <c r="B84" s="214">
        <v>12888</v>
      </c>
      <c r="C84" s="215">
        <v>0.26570686697183238</v>
      </c>
      <c r="D84" s="95">
        <v>7.6255284882688129E-3</v>
      </c>
      <c r="E84" s="215">
        <v>0.31019510338418393</v>
      </c>
      <c r="F84" s="95">
        <v>7.9854466156415258E-3</v>
      </c>
      <c r="G84" s="215">
        <v>0.42409802964398363</v>
      </c>
      <c r="H84" s="95">
        <v>8.531129027981213E-3</v>
      </c>
    </row>
    <row r="85" spans="1:8">
      <c r="A85" s="46" t="s">
        <v>443</v>
      </c>
      <c r="B85" s="216">
        <v>1021</v>
      </c>
      <c r="C85" s="217">
        <v>0.23781262505539072</v>
      </c>
      <c r="D85" s="98">
        <v>2.6102555348892768E-2</v>
      </c>
      <c r="E85" s="217">
        <v>0.31975538214527499</v>
      </c>
      <c r="F85" s="98">
        <v>2.8568545338483509E-2</v>
      </c>
      <c r="G85" s="217">
        <v>0.44243199279933432</v>
      </c>
      <c r="H85" s="98">
        <v>3.0408083336510627E-2</v>
      </c>
    </row>
    <row r="86" spans="1:8">
      <c r="A86" s="50" t="s">
        <v>434</v>
      </c>
      <c r="B86" s="51">
        <v>273</v>
      </c>
      <c r="C86" s="183">
        <v>0.2767786116418548</v>
      </c>
      <c r="D86" s="95">
        <v>5.2876464678304279E-2</v>
      </c>
      <c r="E86" s="183">
        <v>0.30200843117631815</v>
      </c>
      <c r="F86" s="95">
        <v>5.4213263882118563E-2</v>
      </c>
      <c r="G86" s="183">
        <v>0.42121295718182705</v>
      </c>
      <c r="H86" s="95">
        <v>5.8168105375695903E-2</v>
      </c>
    </row>
    <row r="87" spans="1:8" ht="25.5">
      <c r="A87" s="46" t="s">
        <v>438</v>
      </c>
      <c r="B87" s="216">
        <v>57</v>
      </c>
      <c r="C87" s="217">
        <v>9.82024932706419E-2</v>
      </c>
      <c r="D87" s="98">
        <v>8.2866405349257766E-2</v>
      </c>
      <c r="E87" s="217">
        <v>0.33578167546145588</v>
      </c>
      <c r="F87" s="98">
        <v>0.11942089265017641</v>
      </c>
      <c r="G87" s="217">
        <v>0.56601583126790223</v>
      </c>
      <c r="H87" s="98">
        <v>0.1245175377271774</v>
      </c>
    </row>
    <row r="88" spans="1:8" ht="38.25">
      <c r="A88" s="54" t="s">
        <v>454</v>
      </c>
      <c r="B88" s="214">
        <v>68</v>
      </c>
      <c r="C88" s="215">
        <v>3.0491897880755604E-2</v>
      </c>
      <c r="D88" s="95">
        <v>5.3365213710474681E-2</v>
      </c>
      <c r="E88" s="215">
        <v>0.22538479759916322</v>
      </c>
      <c r="F88" s="95">
        <v>9.874118369184752E-2</v>
      </c>
      <c r="G88" s="215">
        <v>0.74412330452008113</v>
      </c>
      <c r="H88" s="95">
        <v>0.10248217779309508</v>
      </c>
    </row>
    <row r="89" spans="1:8" ht="25.5">
      <c r="A89" s="46" t="s">
        <v>444</v>
      </c>
      <c r="B89" s="216">
        <v>113</v>
      </c>
      <c r="C89" s="217">
        <v>0.35925941145348322</v>
      </c>
      <c r="D89" s="98">
        <v>8.7188762409221104E-2</v>
      </c>
      <c r="E89" s="217">
        <v>0.29969714334562125</v>
      </c>
      <c r="F89" s="98">
        <v>8.3544803530712961E-2</v>
      </c>
      <c r="G89" s="217">
        <v>0.34104344520089558</v>
      </c>
      <c r="H89" s="98">
        <v>8.6224569846503424E-2</v>
      </c>
    </row>
    <row r="90" spans="1:8">
      <c r="A90" s="54" t="s">
        <v>445</v>
      </c>
      <c r="B90" s="214">
        <v>240</v>
      </c>
      <c r="C90" s="215">
        <v>0.14339487485878713</v>
      </c>
      <c r="D90" s="95">
        <v>4.47103780516298E-2</v>
      </c>
      <c r="E90" s="215">
        <v>0.20453435625065552</v>
      </c>
      <c r="F90" s="95">
        <v>5.1051813188277707E-2</v>
      </c>
      <c r="G90" s="215">
        <v>0.65207076889055737</v>
      </c>
      <c r="H90" s="95">
        <v>5.9864939724254503E-2</v>
      </c>
    </row>
    <row r="91" spans="1:8">
      <c r="A91" s="46" t="s">
        <v>446</v>
      </c>
      <c r="B91" s="216">
        <v>124</v>
      </c>
      <c r="C91" s="217">
        <v>0.18852312337022564</v>
      </c>
      <c r="D91" s="98">
        <v>6.9068934309710811E-2</v>
      </c>
      <c r="E91" s="217">
        <v>0.18088946657646324</v>
      </c>
      <c r="F91" s="98">
        <v>6.8080358549641465E-2</v>
      </c>
      <c r="G91" s="217">
        <v>0.63058741005331109</v>
      </c>
      <c r="H91" s="98">
        <v>8.3802193938333117E-2</v>
      </c>
    </row>
    <row r="92" spans="1:8">
      <c r="A92" s="54" t="s">
        <v>447</v>
      </c>
      <c r="B92" s="214">
        <v>116</v>
      </c>
      <c r="C92" s="215">
        <v>7.3884254695391186E-2</v>
      </c>
      <c r="D92" s="95">
        <v>5.0710809101547634E-2</v>
      </c>
      <c r="E92" s="215">
        <v>0.2409543592235516</v>
      </c>
      <c r="F92" s="95">
        <v>7.7433321522372728E-2</v>
      </c>
      <c r="G92" s="215">
        <v>0.68516138608105726</v>
      </c>
      <c r="H92" s="95">
        <v>8.353272585998818E-2</v>
      </c>
    </row>
    <row r="93" spans="1:8" s="5" customFormat="1"/>
    <row r="98" spans="1:4" ht="18.75">
      <c r="A98" s="327" t="s">
        <v>17</v>
      </c>
      <c r="B98" s="327"/>
      <c r="C98" s="327"/>
      <c r="D98" s="327"/>
    </row>
    <row r="99" spans="1:4" ht="117.75" customHeight="1">
      <c r="A99" s="348" t="s">
        <v>403</v>
      </c>
      <c r="B99" s="348"/>
      <c r="C99" s="348"/>
      <c r="D99" s="348"/>
    </row>
    <row r="100" spans="1:4" ht="36" customHeight="1">
      <c r="A100" s="329" t="s">
        <v>18</v>
      </c>
      <c r="B100" s="329"/>
      <c r="C100" s="329"/>
      <c r="D100" s="329"/>
    </row>
    <row r="101" spans="1:4" ht="39.75" customHeight="1">
      <c r="A101" s="34" t="s">
        <v>114</v>
      </c>
      <c r="B101" s="35" t="s">
        <v>115</v>
      </c>
      <c r="C101" s="36" t="s">
        <v>116</v>
      </c>
      <c r="D101" s="37" t="s">
        <v>117</v>
      </c>
    </row>
    <row r="102" spans="1:4" ht="72">
      <c r="A102" s="38"/>
      <c r="B102" s="39" t="s">
        <v>118</v>
      </c>
      <c r="C102" s="130" t="s">
        <v>241</v>
      </c>
      <c r="D102" s="41" t="s">
        <v>120</v>
      </c>
    </row>
    <row r="103" spans="1:4">
      <c r="A103" s="42" t="s">
        <v>442</v>
      </c>
      <c r="B103" s="218">
        <v>11371</v>
      </c>
      <c r="C103" s="219">
        <v>5.3988850611289196</v>
      </c>
      <c r="D103" s="133">
        <v>4.1344082972676333E-2</v>
      </c>
    </row>
    <row r="104" spans="1:4">
      <c r="A104" s="46" t="s">
        <v>443</v>
      </c>
      <c r="B104" s="220">
        <v>906</v>
      </c>
      <c r="C104" s="221">
        <v>5.4250553644305288</v>
      </c>
      <c r="D104" s="137">
        <v>0.15707334019951702</v>
      </c>
    </row>
    <row r="105" spans="1:4">
      <c r="A105" s="50" t="s">
        <v>434</v>
      </c>
      <c r="B105" s="80">
        <v>254</v>
      </c>
      <c r="C105" s="81">
        <v>5.5881663263465242</v>
      </c>
      <c r="D105" s="82">
        <v>0.26514931814250264</v>
      </c>
    </row>
    <row r="106" spans="1:4" ht="25.5">
      <c r="A106" s="46" t="s">
        <v>438</v>
      </c>
      <c r="B106" s="220">
        <v>52</v>
      </c>
      <c r="C106" s="221">
        <v>5.1990231460255609</v>
      </c>
      <c r="D106" s="137">
        <v>0.63373388002436659</v>
      </c>
    </row>
    <row r="107" spans="1:4" ht="38.25">
      <c r="A107" s="54" t="s">
        <v>454</v>
      </c>
      <c r="B107" s="218">
        <v>64</v>
      </c>
      <c r="C107" s="219">
        <v>6.0543423651884272</v>
      </c>
      <c r="D107" s="133">
        <v>0.35283962784725187</v>
      </c>
    </row>
    <row r="108" spans="1:4" ht="25.5">
      <c r="A108" s="46" t="s">
        <v>444</v>
      </c>
      <c r="B108" s="220">
        <v>104</v>
      </c>
      <c r="C108" s="221">
        <v>5.6170046617034819</v>
      </c>
      <c r="D108" s="137">
        <v>0.33259590856625199</v>
      </c>
    </row>
    <row r="109" spans="1:4">
      <c r="A109" s="54" t="s">
        <v>445</v>
      </c>
      <c r="B109" s="218">
        <v>216</v>
      </c>
      <c r="C109" s="219">
        <v>6.024869602839825</v>
      </c>
      <c r="D109" s="133">
        <v>0.23100331278539521</v>
      </c>
    </row>
    <row r="110" spans="1:4">
      <c r="A110" s="46" t="s">
        <v>446</v>
      </c>
      <c r="B110" s="220">
        <v>110</v>
      </c>
      <c r="C110" s="221">
        <v>6.0668186941594211</v>
      </c>
      <c r="D110" s="137">
        <v>0.26944339685503671</v>
      </c>
    </row>
    <row r="111" spans="1:4">
      <c r="A111" s="54" t="s">
        <v>447</v>
      </c>
      <c r="B111" s="218">
        <v>106</v>
      </c>
      <c r="C111" s="219">
        <v>5.9709514039625411</v>
      </c>
      <c r="D111" s="133">
        <v>0.39913549142988369</v>
      </c>
    </row>
    <row r="112" spans="1:4" s="5" customFormat="1"/>
    <row r="117" spans="1:22" ht="18.75">
      <c r="A117" s="327" t="s">
        <v>57</v>
      </c>
      <c r="B117" s="327"/>
      <c r="C117" s="327"/>
      <c r="D117" s="327"/>
      <c r="E117" s="327"/>
      <c r="F117" s="327"/>
      <c r="G117" s="327"/>
      <c r="H117" s="327"/>
      <c r="I117" s="327"/>
      <c r="J117" s="327"/>
      <c r="K117" s="327"/>
      <c r="L117" s="327"/>
      <c r="M117" s="327"/>
      <c r="N117" s="327"/>
      <c r="O117" s="327"/>
      <c r="P117" s="327"/>
      <c r="Q117" s="327"/>
      <c r="R117" s="327"/>
      <c r="S117" s="327"/>
      <c r="T117" s="327"/>
      <c r="U117" s="327"/>
      <c r="V117" s="327"/>
    </row>
    <row r="118" spans="1:22" ht="58.5" customHeight="1">
      <c r="A118" s="358" t="s">
        <v>402</v>
      </c>
      <c r="B118" s="358"/>
      <c r="C118" s="358"/>
      <c r="D118" s="358"/>
      <c r="E118" s="358"/>
      <c r="F118" s="358"/>
      <c r="G118" s="358"/>
      <c r="H118" s="358"/>
      <c r="I118" s="358"/>
      <c r="J118" s="358"/>
      <c r="K118" s="358"/>
      <c r="L118" s="358"/>
      <c r="M118" s="358"/>
      <c r="N118" s="358"/>
      <c r="O118" s="358"/>
      <c r="P118" s="358"/>
      <c r="Q118" s="358"/>
      <c r="R118" s="358"/>
      <c r="S118" s="358"/>
      <c r="T118" s="358"/>
      <c r="U118" s="358"/>
      <c r="V118" s="358"/>
    </row>
    <row r="119" spans="1:22" ht="38.25" customHeight="1">
      <c r="A119" s="61"/>
      <c r="B119" s="347" t="s">
        <v>242</v>
      </c>
      <c r="C119" s="347"/>
      <c r="D119" s="347"/>
      <c r="E119" s="347"/>
      <c r="F119" s="347"/>
      <c r="G119" s="347"/>
      <c r="H119" s="347"/>
      <c r="I119" s="347" t="s">
        <v>243</v>
      </c>
      <c r="J119" s="347"/>
      <c r="K119" s="347"/>
      <c r="L119" s="347"/>
      <c r="M119" s="347"/>
      <c r="N119" s="347"/>
      <c r="O119" s="347"/>
      <c r="P119" s="347" t="s">
        <v>244</v>
      </c>
      <c r="Q119" s="347"/>
      <c r="R119" s="347"/>
      <c r="S119" s="347"/>
      <c r="T119" s="347"/>
      <c r="U119" s="347"/>
      <c r="V119" s="347"/>
    </row>
    <row r="120" spans="1:22" ht="40.5" customHeight="1">
      <c r="A120" s="34" t="s">
        <v>114</v>
      </c>
      <c r="B120" s="35" t="s">
        <v>115</v>
      </c>
      <c r="C120" s="35" t="s">
        <v>300</v>
      </c>
      <c r="D120" s="90" t="s">
        <v>145</v>
      </c>
      <c r="E120" s="35" t="s">
        <v>301</v>
      </c>
      <c r="F120" s="90" t="s">
        <v>146</v>
      </c>
      <c r="G120" s="35" t="s">
        <v>302</v>
      </c>
      <c r="H120" s="90" t="s">
        <v>147</v>
      </c>
      <c r="I120" s="62" t="s">
        <v>115</v>
      </c>
      <c r="J120" s="62" t="s">
        <v>300</v>
      </c>
      <c r="K120" s="89" t="s">
        <v>145</v>
      </c>
      <c r="L120" s="62" t="s">
        <v>301</v>
      </c>
      <c r="M120" s="89" t="s">
        <v>146</v>
      </c>
      <c r="N120" s="62" t="s">
        <v>302</v>
      </c>
      <c r="O120" s="89" t="s">
        <v>147</v>
      </c>
      <c r="P120" s="35" t="s">
        <v>115</v>
      </c>
      <c r="Q120" s="35" t="s">
        <v>300</v>
      </c>
      <c r="R120" s="90" t="s">
        <v>145</v>
      </c>
      <c r="S120" s="35" t="s">
        <v>301</v>
      </c>
      <c r="T120" s="90" t="s">
        <v>146</v>
      </c>
      <c r="U120" s="35" t="s">
        <v>302</v>
      </c>
      <c r="V120" s="90" t="s">
        <v>147</v>
      </c>
    </row>
    <row r="121" spans="1:22" ht="72">
      <c r="A121" s="38"/>
      <c r="B121" s="39" t="s">
        <v>118</v>
      </c>
      <c r="C121" s="39" t="s">
        <v>303</v>
      </c>
      <c r="D121" s="92" t="s">
        <v>245</v>
      </c>
      <c r="E121" s="39" t="s">
        <v>304</v>
      </c>
      <c r="F121" s="92" t="s">
        <v>148</v>
      </c>
      <c r="G121" s="39" t="s">
        <v>305</v>
      </c>
      <c r="H121" s="92" t="s">
        <v>148</v>
      </c>
      <c r="I121" s="65" t="s">
        <v>118</v>
      </c>
      <c r="J121" s="65" t="s">
        <v>303</v>
      </c>
      <c r="K121" s="91" t="s">
        <v>245</v>
      </c>
      <c r="L121" s="65" t="s">
        <v>304</v>
      </c>
      <c r="M121" s="91" t="s">
        <v>148</v>
      </c>
      <c r="N121" s="65" t="s">
        <v>305</v>
      </c>
      <c r="O121" s="91" t="s">
        <v>148</v>
      </c>
      <c r="P121" s="39" t="s">
        <v>118</v>
      </c>
      <c r="Q121" s="39" t="s">
        <v>303</v>
      </c>
      <c r="R121" s="92" t="s">
        <v>245</v>
      </c>
      <c r="S121" s="39" t="s">
        <v>304</v>
      </c>
      <c r="T121" s="92" t="s">
        <v>148</v>
      </c>
      <c r="U121" s="39" t="s">
        <v>305</v>
      </c>
      <c r="V121" s="92" t="s">
        <v>148</v>
      </c>
    </row>
    <row r="122" spans="1:22">
      <c r="A122" s="42" t="s">
        <v>442</v>
      </c>
      <c r="B122" s="218">
        <v>11740</v>
      </c>
      <c r="C122" s="222">
        <v>9.2130828846596499E-2</v>
      </c>
      <c r="D122" s="95">
        <v>5.2342700328665923E-3</v>
      </c>
      <c r="E122" s="222">
        <v>0.11912796694661311</v>
      </c>
      <c r="F122" s="95">
        <v>5.8615932611175694E-3</v>
      </c>
      <c r="G122" s="222">
        <v>0.78874120420679039</v>
      </c>
      <c r="H122" s="95">
        <v>7.3840852230217932E-3</v>
      </c>
      <c r="I122" s="218">
        <v>11687</v>
      </c>
      <c r="J122" s="222">
        <v>0.1326691139053737</v>
      </c>
      <c r="K122" s="95">
        <v>6.1515095670437699E-3</v>
      </c>
      <c r="L122" s="222">
        <v>0.14808854248957956</v>
      </c>
      <c r="M122" s="95">
        <v>6.4407136128708979E-3</v>
      </c>
      <c r="N122" s="222">
        <v>0.7192423436050468</v>
      </c>
      <c r="O122" s="95">
        <v>8.1464618892198686E-3</v>
      </c>
      <c r="P122" s="218">
        <v>11648</v>
      </c>
      <c r="Q122" s="222">
        <v>0.78455712421325263</v>
      </c>
      <c r="R122" s="95">
        <v>7.4663025482546675E-3</v>
      </c>
      <c r="S122" s="222">
        <v>8.6975179470640082E-2</v>
      </c>
      <c r="T122" s="95">
        <v>5.1205283237446891E-3</v>
      </c>
      <c r="U122" s="222">
        <v>0.12846769631610724</v>
      </c>
      <c r="V122" s="95">
        <v>6.0782455777715471E-3</v>
      </c>
    </row>
    <row r="123" spans="1:22">
      <c r="A123" s="46" t="s">
        <v>443</v>
      </c>
      <c r="B123" s="220">
        <v>926</v>
      </c>
      <c r="C123" s="223">
        <v>7.9360886711144038E-2</v>
      </c>
      <c r="D123" s="98">
        <v>1.7552143707393806E-2</v>
      </c>
      <c r="E123" s="223">
        <v>0.11604455345130754</v>
      </c>
      <c r="F123" s="98">
        <v>2.0711165179852175E-2</v>
      </c>
      <c r="G123" s="223">
        <v>0.80459455983754846</v>
      </c>
      <c r="H123" s="98">
        <v>2.5548687918059906E-2</v>
      </c>
      <c r="I123" s="220">
        <v>921</v>
      </c>
      <c r="J123" s="223">
        <v>0.13893750672256053</v>
      </c>
      <c r="K123" s="98">
        <v>2.2394678455449967E-2</v>
      </c>
      <c r="L123" s="223">
        <v>0.1435576323593282</v>
      </c>
      <c r="M123" s="98">
        <v>2.2697359327100583E-2</v>
      </c>
      <c r="N123" s="223">
        <v>0.71750486091811128</v>
      </c>
      <c r="O123" s="98">
        <v>2.90429056722032E-2</v>
      </c>
      <c r="P123" s="220">
        <v>921</v>
      </c>
      <c r="Q123" s="223">
        <v>0.78906798658074062</v>
      </c>
      <c r="R123" s="98">
        <v>2.6348291028290984E-2</v>
      </c>
      <c r="S123" s="223">
        <v>8.4346985219549878E-2</v>
      </c>
      <c r="T123" s="98">
        <v>1.8081627884446665E-2</v>
      </c>
      <c r="U123" s="223">
        <v>0.12658502819970949</v>
      </c>
      <c r="V123" s="98">
        <v>2.1544546390976901E-2</v>
      </c>
    </row>
    <row r="124" spans="1:22">
      <c r="A124" s="50" t="s">
        <v>434</v>
      </c>
      <c r="B124" s="51">
        <v>254</v>
      </c>
      <c r="C124" s="183">
        <v>3.9393928196846111E-2</v>
      </c>
      <c r="D124" s="95">
        <v>2.5703302821227486E-2</v>
      </c>
      <c r="E124" s="183">
        <v>0.10830848201949611</v>
      </c>
      <c r="F124" s="95">
        <v>3.8837117340582074E-2</v>
      </c>
      <c r="G124" s="183">
        <v>0.85229758978365777</v>
      </c>
      <c r="H124" s="95">
        <v>4.394653872953895E-2</v>
      </c>
      <c r="I124" s="51">
        <v>253</v>
      </c>
      <c r="J124" s="183">
        <v>0.10117807071846625</v>
      </c>
      <c r="K124" s="95">
        <v>3.7852463612631081E-2</v>
      </c>
      <c r="L124" s="183">
        <v>0.15491735665001394</v>
      </c>
      <c r="M124" s="95">
        <v>4.4854447890611278E-2</v>
      </c>
      <c r="N124" s="183">
        <v>0.74390457263151977</v>
      </c>
      <c r="O124" s="95">
        <v>5.3620801561326766E-2</v>
      </c>
      <c r="P124" s="51">
        <v>252</v>
      </c>
      <c r="Q124" s="183">
        <v>0.8375958861943843</v>
      </c>
      <c r="R124" s="95">
        <v>4.5763676158789707E-2</v>
      </c>
      <c r="S124" s="183">
        <v>6.2468755498634954E-2</v>
      </c>
      <c r="T124" s="95">
        <v>3.1111617333982881E-2</v>
      </c>
      <c r="U124" s="183">
        <v>9.9935358306980776E-2</v>
      </c>
      <c r="V124" s="95">
        <v>3.7739310345458306E-2</v>
      </c>
    </row>
    <row r="125" spans="1:22" ht="25.5">
      <c r="A125" s="46" t="s">
        <v>438</v>
      </c>
      <c r="B125" s="220">
        <v>52</v>
      </c>
      <c r="C125" s="223">
        <v>4.9102144913930779E-2</v>
      </c>
      <c r="D125" s="98">
        <v>7.1584076449235298E-2</v>
      </c>
      <c r="E125" s="223">
        <v>0.25106882632558247</v>
      </c>
      <c r="F125" s="98">
        <v>0.11612350307421622</v>
      </c>
      <c r="G125" s="223">
        <v>0.69982902876048669</v>
      </c>
      <c r="H125" s="98">
        <v>0.12160609956126167</v>
      </c>
      <c r="I125" s="220">
        <v>52</v>
      </c>
      <c r="J125" s="223">
        <v>0.24639692188068082</v>
      </c>
      <c r="K125" s="98">
        <v>0.11552400646251518</v>
      </c>
      <c r="L125" s="223">
        <v>8.3423389041865359E-2</v>
      </c>
      <c r="M125" s="98">
        <v>8.2977956675468076E-2</v>
      </c>
      <c r="N125" s="223">
        <v>0.67017968907745384</v>
      </c>
      <c r="O125" s="98">
        <v>0.12424552049518078</v>
      </c>
      <c r="P125" s="220">
        <v>52</v>
      </c>
      <c r="Q125" s="223">
        <v>0.83936080768710775</v>
      </c>
      <c r="R125" s="98">
        <v>0.10167568748959691</v>
      </c>
      <c r="S125" s="223">
        <v>4.0137804216297458E-2</v>
      </c>
      <c r="T125" s="98">
        <v>6.81275121120965E-2</v>
      </c>
      <c r="U125" s="223">
        <v>0.1205013880965948</v>
      </c>
      <c r="V125" s="98">
        <v>9.2904599083007938E-2</v>
      </c>
    </row>
    <row r="126" spans="1:22" ht="38.25">
      <c r="A126" s="54" t="s">
        <v>454</v>
      </c>
      <c r="B126" s="218">
        <v>64</v>
      </c>
      <c r="C126" s="222">
        <v>1.8581850417431784E-2</v>
      </c>
      <c r="D126" s="95">
        <v>5.0252741434921436E-2</v>
      </c>
      <c r="E126" s="222">
        <v>7.773021759309684E-2</v>
      </c>
      <c r="F126" s="95">
        <v>7.2112635076600137E-2</v>
      </c>
      <c r="G126" s="222">
        <v>0.90368793198947139</v>
      </c>
      <c r="H126" s="95">
        <v>7.7254687841337197E-2</v>
      </c>
      <c r="I126" s="218">
        <v>64</v>
      </c>
      <c r="J126" s="222">
        <v>2.2837312865582538E-2</v>
      </c>
      <c r="K126" s="95">
        <v>5.224437398032792E-2</v>
      </c>
      <c r="L126" s="222">
        <v>8.1945601657855166E-2</v>
      </c>
      <c r="M126" s="95">
        <v>7.3331437575078248E-2</v>
      </c>
      <c r="N126" s="222">
        <v>0.89521708547656231</v>
      </c>
      <c r="O126" s="95">
        <v>7.9416304701708143E-2</v>
      </c>
      <c r="P126" s="218">
        <v>63</v>
      </c>
      <c r="Q126" s="222">
        <v>0.92808341631251101</v>
      </c>
      <c r="R126" s="95">
        <v>7.102194028578987E-2</v>
      </c>
      <c r="S126" s="222">
        <v>9.4637210807346009E-3</v>
      </c>
      <c r="T126" s="95">
        <v>4.6213604634138788E-2</v>
      </c>
      <c r="U126" s="222">
        <v>6.2452862606754339E-2</v>
      </c>
      <c r="V126" s="95">
        <v>6.8035392643190792E-2</v>
      </c>
    </row>
    <row r="127" spans="1:22" ht="25.5">
      <c r="A127" s="46" t="s">
        <v>444</v>
      </c>
      <c r="B127" s="220">
        <v>104</v>
      </c>
      <c r="C127" s="223">
        <v>4.1310779975543249E-2</v>
      </c>
      <c r="D127" s="98">
        <v>4.4190834630675926E-2</v>
      </c>
      <c r="E127" s="223">
        <v>6.8976527286037301E-2</v>
      </c>
      <c r="F127" s="98">
        <v>5.258064892586025E-2</v>
      </c>
      <c r="G127" s="223">
        <v>0.88971269273841935</v>
      </c>
      <c r="H127" s="98">
        <v>6.2314254755673933E-2</v>
      </c>
      <c r="I127" s="220">
        <v>103</v>
      </c>
      <c r="J127" s="223">
        <v>6.9850138485504545E-2</v>
      </c>
      <c r="K127" s="98">
        <v>5.3104029613400466E-2</v>
      </c>
      <c r="L127" s="223">
        <v>0.19409836138164585</v>
      </c>
      <c r="M127" s="98">
        <v>7.6567352046130827E-2</v>
      </c>
      <c r="N127" s="223">
        <v>0.73605150013284959</v>
      </c>
      <c r="O127" s="98">
        <v>8.4391712116293552E-2</v>
      </c>
      <c r="P127" s="220">
        <v>104</v>
      </c>
      <c r="Q127" s="223">
        <v>0.81819067795075773</v>
      </c>
      <c r="R127" s="98">
        <v>7.4519023201691612E-2</v>
      </c>
      <c r="S127" s="223">
        <v>7.7738238191061113E-2</v>
      </c>
      <c r="T127" s="98">
        <v>5.4875525484428415E-2</v>
      </c>
      <c r="U127" s="223">
        <v>0.10407108385818115</v>
      </c>
      <c r="V127" s="98">
        <v>6.1008032514557553E-2</v>
      </c>
    </row>
    <row r="128" spans="1:22">
      <c r="A128" s="54" t="s">
        <v>445</v>
      </c>
      <c r="B128" s="218">
        <v>216</v>
      </c>
      <c r="C128" s="222">
        <v>3.1517776040625028E-2</v>
      </c>
      <c r="D128" s="95">
        <v>2.5905718717203027E-2</v>
      </c>
      <c r="E128" s="222">
        <v>4.9312767062330849E-2</v>
      </c>
      <c r="F128" s="95">
        <v>3.076411588976978E-2</v>
      </c>
      <c r="G128" s="222">
        <v>0.9191694568970441</v>
      </c>
      <c r="H128" s="95">
        <v>3.7522166019387411E-2</v>
      </c>
      <c r="I128" s="218">
        <v>216</v>
      </c>
      <c r="J128" s="222">
        <v>7.0314773238565137E-2</v>
      </c>
      <c r="K128" s="95">
        <v>3.5463487544968607E-2</v>
      </c>
      <c r="L128" s="222">
        <v>3.3462231750991597E-2</v>
      </c>
      <c r="M128" s="95">
        <v>2.6489804151722907E-2</v>
      </c>
      <c r="N128" s="222">
        <v>0.89622299501044322</v>
      </c>
      <c r="O128" s="95">
        <v>4.1507317873733483E-2</v>
      </c>
      <c r="P128" s="218">
        <v>214</v>
      </c>
      <c r="Q128" s="222">
        <v>0.91206697669255998</v>
      </c>
      <c r="R128" s="95">
        <v>3.9014079071899924E-2</v>
      </c>
      <c r="S128" s="222">
        <v>3.599439842045255E-3</v>
      </c>
      <c r="T128" s="95">
        <v>1.4869086720602798E-2</v>
      </c>
      <c r="U128" s="222">
        <v>8.4333583465394782E-2</v>
      </c>
      <c r="V128" s="95">
        <v>3.8360197644365372E-2</v>
      </c>
    </row>
    <row r="129" spans="1:22">
      <c r="A129" s="46" t="s">
        <v>446</v>
      </c>
      <c r="B129" s="220">
        <v>110</v>
      </c>
      <c r="C129" s="223">
        <v>4.2413139759860372E-2</v>
      </c>
      <c r="D129" s="98">
        <v>4.3070822011578483E-2</v>
      </c>
      <c r="E129" s="223">
        <v>3.7806773778434916E-2</v>
      </c>
      <c r="F129" s="98">
        <v>4.1498975589810791E-2</v>
      </c>
      <c r="G129" s="223">
        <v>0.91978008646170473</v>
      </c>
      <c r="H129" s="98">
        <v>5.3812782677544857E-2</v>
      </c>
      <c r="I129" s="220">
        <v>110</v>
      </c>
      <c r="J129" s="223">
        <v>4.633724608803972E-2</v>
      </c>
      <c r="K129" s="98">
        <v>4.4354114806491346E-2</v>
      </c>
      <c r="L129" s="223">
        <v>4.2037242812676463E-2</v>
      </c>
      <c r="M129" s="98">
        <v>4.2945290189109156E-2</v>
      </c>
      <c r="N129" s="223">
        <v>0.9116255110992838</v>
      </c>
      <c r="O129" s="98">
        <v>5.5754194077172144E-2</v>
      </c>
      <c r="P129" s="220">
        <v>108</v>
      </c>
      <c r="Q129" s="223">
        <v>0.93629181288919139</v>
      </c>
      <c r="R129" s="98">
        <v>5.0040056691609429E-2</v>
      </c>
      <c r="S129" s="223">
        <v>2.1125292540489873E-3</v>
      </c>
      <c r="T129" s="98">
        <v>2.5861102936872372E-2</v>
      </c>
      <c r="U129" s="223">
        <v>6.1595657856759592E-2</v>
      </c>
      <c r="V129" s="98">
        <v>4.9447682714102499E-2</v>
      </c>
    </row>
    <row r="130" spans="1:22">
      <c r="A130" s="54" t="s">
        <v>447</v>
      </c>
      <c r="B130" s="218">
        <v>106</v>
      </c>
      <c r="C130" s="222">
        <v>1.7513697063599454E-2</v>
      </c>
      <c r="D130" s="95">
        <v>3.437223741773357E-2</v>
      </c>
      <c r="E130" s="222">
        <v>6.4101703238214014E-2</v>
      </c>
      <c r="F130" s="95">
        <v>5.0685181098331006E-2</v>
      </c>
      <c r="G130" s="222">
        <v>0.91838459969818653</v>
      </c>
      <c r="H130" s="95">
        <v>5.5264750873923893E-2</v>
      </c>
      <c r="I130" s="218">
        <v>106</v>
      </c>
      <c r="J130" s="222">
        <v>0.10110735404247327</v>
      </c>
      <c r="K130" s="95">
        <v>5.9756271255740873E-2</v>
      </c>
      <c r="L130" s="222">
        <v>2.2449973507941253E-2</v>
      </c>
      <c r="M130" s="95">
        <v>3.6539515978308588E-2</v>
      </c>
      <c r="N130" s="222">
        <v>0.8764426724495854</v>
      </c>
      <c r="O130" s="95">
        <v>6.4306262607852771E-2</v>
      </c>
      <c r="P130" s="218">
        <v>106</v>
      </c>
      <c r="Q130" s="222">
        <v>0.88095082732670937</v>
      </c>
      <c r="R130" s="95">
        <v>6.3439460718383037E-2</v>
      </c>
      <c r="S130" s="222">
        <v>5.5093364281030861E-3</v>
      </c>
      <c r="T130" s="95">
        <v>2.8303942828155057E-2</v>
      </c>
      <c r="U130" s="222">
        <v>0.11353983624518751</v>
      </c>
      <c r="V130" s="95">
        <v>6.2349449996573228E-2</v>
      </c>
    </row>
    <row r="131" spans="1:22" s="5" customFormat="1"/>
  </sheetData>
  <mergeCells count="28">
    <mergeCell ref="A3:D3"/>
    <mergeCell ref="A4:D4"/>
    <mergeCell ref="A5:D5"/>
    <mergeCell ref="A22:V22"/>
    <mergeCell ref="A23:V23"/>
    <mergeCell ref="B24:H24"/>
    <mergeCell ref="I24:O24"/>
    <mergeCell ref="P24:V24"/>
    <mergeCell ref="A41:D41"/>
    <mergeCell ref="A42:D42"/>
    <mergeCell ref="A43:D43"/>
    <mergeCell ref="B62:H62"/>
    <mergeCell ref="I62:O62"/>
    <mergeCell ref="P62:V62"/>
    <mergeCell ref="W62:AC62"/>
    <mergeCell ref="A61:AC61"/>
    <mergeCell ref="A60:AC60"/>
    <mergeCell ref="A79:H79"/>
    <mergeCell ref="A80:H80"/>
    <mergeCell ref="A81:H81"/>
    <mergeCell ref="A98:D98"/>
    <mergeCell ref="A99:D99"/>
    <mergeCell ref="A100:D100"/>
    <mergeCell ref="B119:H119"/>
    <mergeCell ref="I119:O119"/>
    <mergeCell ref="P119:V119"/>
    <mergeCell ref="A118:V118"/>
    <mergeCell ref="A117:V117"/>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260"/>
  <sheetViews>
    <sheetView topLeftCell="A256" workbookViewId="0">
      <selection activeCell="A255" sqref="A255"/>
    </sheetView>
  </sheetViews>
  <sheetFormatPr defaultColWidth="17.5703125" defaultRowHeight="15"/>
  <cols>
    <col min="1" max="1" width="29.7109375" customWidth="1"/>
  </cols>
  <sheetData>
    <row r="1" spans="1:4" ht="31.5">
      <c r="A1" s="30" t="s">
        <v>59</v>
      </c>
    </row>
    <row r="3" spans="1:4" ht="18.75">
      <c r="A3" s="327" t="s">
        <v>58</v>
      </c>
      <c r="B3" s="327"/>
      <c r="C3" s="327"/>
      <c r="D3" s="327"/>
    </row>
    <row r="4" spans="1:4" ht="186" customHeight="1">
      <c r="A4" s="361" t="s">
        <v>407</v>
      </c>
      <c r="B4" s="361"/>
      <c r="C4" s="361"/>
      <c r="D4" s="361"/>
    </row>
    <row r="5" spans="1:4" ht="15.75" customHeight="1">
      <c r="A5" s="329" t="s">
        <v>246</v>
      </c>
      <c r="B5" s="329"/>
      <c r="C5" s="329"/>
      <c r="D5" s="329"/>
    </row>
    <row r="6" spans="1:4" ht="43.5" customHeight="1">
      <c r="A6" s="34" t="s">
        <v>114</v>
      </c>
      <c r="B6" s="35" t="s">
        <v>115</v>
      </c>
      <c r="C6" s="36" t="s">
        <v>116</v>
      </c>
      <c r="D6" s="37" t="s">
        <v>117</v>
      </c>
    </row>
    <row r="7" spans="1:4" ht="72">
      <c r="A7" s="38"/>
      <c r="B7" s="39" t="s">
        <v>118</v>
      </c>
      <c r="C7" s="130" t="s">
        <v>247</v>
      </c>
      <c r="D7" s="41" t="s">
        <v>120</v>
      </c>
    </row>
    <row r="8" spans="1:4">
      <c r="A8" s="42" t="s">
        <v>442</v>
      </c>
      <c r="B8" s="224">
        <v>9453</v>
      </c>
      <c r="C8" s="225">
        <v>4.809817547309593</v>
      </c>
      <c r="D8" s="226">
        <v>4.926284671089487E-2</v>
      </c>
    </row>
    <row r="9" spans="1:4">
      <c r="A9" s="46" t="s">
        <v>443</v>
      </c>
      <c r="B9" s="227">
        <v>762</v>
      </c>
      <c r="C9" s="228">
        <v>4.6424680831459852</v>
      </c>
      <c r="D9" s="229">
        <v>0.16670557331580671</v>
      </c>
    </row>
    <row r="10" spans="1:4">
      <c r="A10" s="50" t="s">
        <v>434</v>
      </c>
      <c r="B10" s="80">
        <v>213</v>
      </c>
      <c r="C10" s="81">
        <v>4.9839401051446517</v>
      </c>
      <c r="D10" s="82">
        <v>0.29128131352072106</v>
      </c>
    </row>
    <row r="11" spans="1:4" ht="25.5">
      <c r="A11" s="46" t="s">
        <v>438</v>
      </c>
      <c r="B11" s="227">
        <v>38</v>
      </c>
      <c r="C11" s="228">
        <v>5.1806023906742027</v>
      </c>
      <c r="D11" s="229">
        <v>0.6840123787694008</v>
      </c>
    </row>
    <row r="12" spans="1:4" ht="38.25">
      <c r="A12" s="54" t="s">
        <v>454</v>
      </c>
      <c r="B12" s="224">
        <v>54</v>
      </c>
      <c r="C12" s="225">
        <v>4.2490949640590783</v>
      </c>
      <c r="D12" s="226">
        <v>0.56781717874541027</v>
      </c>
    </row>
    <row r="13" spans="1:4" ht="25.5">
      <c r="A13" s="46" t="s">
        <v>444</v>
      </c>
      <c r="B13" s="227">
        <v>93</v>
      </c>
      <c r="C13" s="228">
        <v>5.0087004399123067</v>
      </c>
      <c r="D13" s="229">
        <v>0.3659721725378553</v>
      </c>
    </row>
    <row r="14" spans="1:4">
      <c r="A14" s="54" t="s">
        <v>445</v>
      </c>
      <c r="B14" s="224">
        <v>193</v>
      </c>
      <c r="C14" s="225">
        <v>4.1094080965598492</v>
      </c>
      <c r="D14" s="226">
        <v>0.24250374276030096</v>
      </c>
    </row>
    <row r="15" spans="1:4">
      <c r="A15" s="46" t="s">
        <v>446</v>
      </c>
      <c r="B15" s="227">
        <v>99</v>
      </c>
      <c r="C15" s="228">
        <v>4.0471969975049893</v>
      </c>
      <c r="D15" s="229">
        <v>0.33975651424002562</v>
      </c>
    </row>
    <row r="16" spans="1:4">
      <c r="A16" s="54" t="s">
        <v>447</v>
      </c>
      <c r="B16" s="224">
        <v>94</v>
      </c>
      <c r="C16" s="225">
        <v>4.2063293512947508</v>
      </c>
      <c r="D16" s="226">
        <v>0.31006810776622062</v>
      </c>
    </row>
    <row r="21" spans="1:43" ht="18.75">
      <c r="A21" s="327" t="s">
        <v>60</v>
      </c>
      <c r="B21" s="327"/>
      <c r="C21" s="327"/>
      <c r="D21" s="327"/>
      <c r="E21" s="327"/>
      <c r="F21" s="327"/>
      <c r="G21" s="327"/>
      <c r="H21" s="327"/>
      <c r="I21" s="327"/>
      <c r="J21" s="327"/>
      <c r="K21" s="327"/>
      <c r="L21" s="327"/>
      <c r="M21" s="327"/>
      <c r="N21" s="327"/>
      <c r="O21" s="327"/>
      <c r="P21" s="327"/>
      <c r="Q21" s="327"/>
      <c r="R21" s="327"/>
      <c r="S21" s="327"/>
      <c r="T21" s="327"/>
      <c r="U21" s="327"/>
      <c r="V21" s="327"/>
      <c r="W21" s="327"/>
      <c r="X21" s="327"/>
      <c r="Y21" s="327"/>
      <c r="Z21" s="327"/>
      <c r="AA21" s="327"/>
      <c r="AB21" s="327"/>
      <c r="AC21" s="327"/>
      <c r="AD21" s="327"/>
      <c r="AE21" s="327"/>
      <c r="AF21" s="327"/>
      <c r="AG21" s="327"/>
      <c r="AH21" s="327"/>
      <c r="AI21" s="327"/>
      <c r="AJ21" s="327"/>
      <c r="AK21" s="327"/>
      <c r="AL21" s="327"/>
      <c r="AM21" s="327"/>
      <c r="AN21" s="327"/>
      <c r="AO21" s="327"/>
      <c r="AP21" s="327"/>
      <c r="AQ21" s="327"/>
    </row>
    <row r="22" spans="1:43" ht="60" customHeight="1">
      <c r="A22" s="360" t="s">
        <v>406</v>
      </c>
      <c r="B22" s="361"/>
      <c r="C22" s="361"/>
      <c r="D22" s="361"/>
      <c r="E22" s="361"/>
      <c r="F22" s="361"/>
      <c r="G22" s="361"/>
      <c r="H22" s="361"/>
      <c r="I22" s="361"/>
      <c r="J22" s="361"/>
      <c r="K22" s="361"/>
      <c r="L22" s="361"/>
      <c r="M22" s="361"/>
      <c r="N22" s="361"/>
      <c r="O22" s="361"/>
      <c r="P22" s="361"/>
      <c r="Q22" s="361"/>
      <c r="R22" s="361"/>
      <c r="S22" s="361"/>
      <c r="T22" s="361"/>
      <c r="U22" s="361"/>
      <c r="V22" s="361"/>
      <c r="W22" s="361"/>
      <c r="X22" s="361"/>
      <c r="Y22" s="361"/>
      <c r="Z22" s="361"/>
      <c r="AA22" s="361"/>
      <c r="AB22" s="361"/>
      <c r="AC22" s="361"/>
      <c r="AD22" s="361"/>
      <c r="AE22" s="361"/>
      <c r="AF22" s="361"/>
      <c r="AG22" s="361"/>
      <c r="AH22" s="361"/>
      <c r="AI22" s="361"/>
      <c r="AJ22" s="361"/>
      <c r="AK22" s="361"/>
      <c r="AL22" s="361"/>
      <c r="AM22" s="361"/>
      <c r="AN22" s="361"/>
      <c r="AO22" s="361"/>
      <c r="AP22" s="361"/>
      <c r="AQ22" s="361"/>
    </row>
    <row r="23" spans="1:43" ht="34.5" customHeight="1">
      <c r="A23" s="61"/>
      <c r="B23" s="347" t="s">
        <v>404</v>
      </c>
      <c r="C23" s="347"/>
      <c r="D23" s="347"/>
      <c r="E23" s="347"/>
      <c r="F23" s="347"/>
      <c r="G23" s="347"/>
      <c r="H23" s="347"/>
      <c r="I23" s="347" t="s">
        <v>248</v>
      </c>
      <c r="J23" s="347"/>
      <c r="K23" s="347"/>
      <c r="L23" s="347"/>
      <c r="M23" s="347"/>
      <c r="N23" s="347"/>
      <c r="O23" s="347"/>
      <c r="P23" s="347" t="s">
        <v>249</v>
      </c>
      <c r="Q23" s="347"/>
      <c r="R23" s="347"/>
      <c r="S23" s="347"/>
      <c r="T23" s="347"/>
      <c r="U23" s="347"/>
      <c r="V23" s="347"/>
      <c r="W23" s="347" t="s">
        <v>250</v>
      </c>
      <c r="X23" s="347"/>
      <c r="Y23" s="347"/>
      <c r="Z23" s="347"/>
      <c r="AA23" s="347"/>
      <c r="AB23" s="347"/>
      <c r="AC23" s="347"/>
      <c r="AD23" s="347" t="s">
        <v>405</v>
      </c>
      <c r="AE23" s="347"/>
      <c r="AF23" s="347"/>
      <c r="AG23" s="347"/>
      <c r="AH23" s="347"/>
      <c r="AI23" s="347"/>
      <c r="AJ23" s="347"/>
      <c r="AK23" s="347" t="s">
        <v>251</v>
      </c>
      <c r="AL23" s="347"/>
      <c r="AM23" s="347"/>
      <c r="AN23" s="347"/>
      <c r="AO23" s="347"/>
      <c r="AP23" s="347"/>
      <c r="AQ23" s="347"/>
    </row>
    <row r="24" spans="1:43" ht="40.5" customHeight="1">
      <c r="A24" s="34" t="s">
        <v>114</v>
      </c>
      <c r="B24" s="35" t="s">
        <v>115</v>
      </c>
      <c r="C24" s="35" t="s">
        <v>252</v>
      </c>
      <c r="D24" s="90" t="s">
        <v>253</v>
      </c>
      <c r="E24" s="35" t="s">
        <v>254</v>
      </c>
      <c r="F24" s="90" t="s">
        <v>255</v>
      </c>
      <c r="G24" s="35" t="s">
        <v>256</v>
      </c>
      <c r="H24" s="90" t="s">
        <v>195</v>
      </c>
      <c r="I24" s="62" t="s">
        <v>115</v>
      </c>
      <c r="J24" s="62" t="s">
        <v>252</v>
      </c>
      <c r="K24" s="89" t="s">
        <v>253</v>
      </c>
      <c r="L24" s="62" t="s">
        <v>254</v>
      </c>
      <c r="M24" s="89" t="s">
        <v>255</v>
      </c>
      <c r="N24" s="62" t="s">
        <v>256</v>
      </c>
      <c r="O24" s="89" t="s">
        <v>195</v>
      </c>
      <c r="P24" s="35" t="s">
        <v>115</v>
      </c>
      <c r="Q24" s="35" t="s">
        <v>252</v>
      </c>
      <c r="R24" s="90" t="s">
        <v>253</v>
      </c>
      <c r="S24" s="35" t="s">
        <v>254</v>
      </c>
      <c r="T24" s="90" t="s">
        <v>255</v>
      </c>
      <c r="U24" s="35" t="s">
        <v>256</v>
      </c>
      <c r="V24" s="90" t="s">
        <v>195</v>
      </c>
      <c r="W24" s="62" t="s">
        <v>115</v>
      </c>
      <c r="X24" s="62" t="s">
        <v>252</v>
      </c>
      <c r="Y24" s="89" t="s">
        <v>253</v>
      </c>
      <c r="Z24" s="62" t="s">
        <v>254</v>
      </c>
      <c r="AA24" s="89" t="s">
        <v>255</v>
      </c>
      <c r="AB24" s="62" t="s">
        <v>256</v>
      </c>
      <c r="AC24" s="89" t="s">
        <v>195</v>
      </c>
      <c r="AD24" s="35" t="s">
        <v>115</v>
      </c>
      <c r="AE24" s="35" t="s">
        <v>252</v>
      </c>
      <c r="AF24" s="90" t="s">
        <v>253</v>
      </c>
      <c r="AG24" s="35" t="s">
        <v>254</v>
      </c>
      <c r="AH24" s="90" t="s">
        <v>255</v>
      </c>
      <c r="AI24" s="35" t="s">
        <v>256</v>
      </c>
      <c r="AJ24" s="90" t="s">
        <v>195</v>
      </c>
      <c r="AK24" s="62" t="s">
        <v>115</v>
      </c>
      <c r="AL24" s="62" t="s">
        <v>252</v>
      </c>
      <c r="AM24" s="89" t="s">
        <v>253</v>
      </c>
      <c r="AN24" s="62" t="s">
        <v>254</v>
      </c>
      <c r="AO24" s="89" t="s">
        <v>255</v>
      </c>
      <c r="AP24" s="62" t="s">
        <v>256</v>
      </c>
      <c r="AQ24" s="89" t="s">
        <v>195</v>
      </c>
    </row>
    <row r="25" spans="1:43" ht="72">
      <c r="A25" s="38"/>
      <c r="B25" s="39" t="s">
        <v>118</v>
      </c>
      <c r="C25" s="39" t="s">
        <v>303</v>
      </c>
      <c r="D25" s="92" t="s">
        <v>148</v>
      </c>
      <c r="E25" s="39" t="s">
        <v>304</v>
      </c>
      <c r="F25" s="92" t="s">
        <v>148</v>
      </c>
      <c r="G25" s="39" t="s">
        <v>305</v>
      </c>
      <c r="H25" s="92" t="s">
        <v>148</v>
      </c>
      <c r="I25" s="65" t="s">
        <v>118</v>
      </c>
      <c r="J25" s="65" t="s">
        <v>303</v>
      </c>
      <c r="K25" s="91" t="s">
        <v>148</v>
      </c>
      <c r="L25" s="65" t="s">
        <v>304</v>
      </c>
      <c r="M25" s="91" t="s">
        <v>148</v>
      </c>
      <c r="N25" s="65" t="s">
        <v>305</v>
      </c>
      <c r="O25" s="91" t="s">
        <v>148</v>
      </c>
      <c r="P25" s="39" t="s">
        <v>118</v>
      </c>
      <c r="Q25" s="39" t="s">
        <v>303</v>
      </c>
      <c r="R25" s="92" t="s">
        <v>148</v>
      </c>
      <c r="S25" s="39" t="s">
        <v>304</v>
      </c>
      <c r="T25" s="92" t="s">
        <v>148</v>
      </c>
      <c r="U25" s="39" t="s">
        <v>305</v>
      </c>
      <c r="V25" s="92" t="s">
        <v>148</v>
      </c>
      <c r="W25" s="65" t="s">
        <v>118</v>
      </c>
      <c r="X25" s="65" t="s">
        <v>303</v>
      </c>
      <c r="Y25" s="91" t="s">
        <v>148</v>
      </c>
      <c r="Z25" s="65" t="s">
        <v>304</v>
      </c>
      <c r="AA25" s="91" t="s">
        <v>148</v>
      </c>
      <c r="AB25" s="65" t="s">
        <v>305</v>
      </c>
      <c r="AC25" s="91" t="s">
        <v>148</v>
      </c>
      <c r="AD25" s="39" t="s">
        <v>118</v>
      </c>
      <c r="AE25" s="39" t="s">
        <v>303</v>
      </c>
      <c r="AF25" s="92" t="s">
        <v>148</v>
      </c>
      <c r="AG25" s="39" t="s">
        <v>304</v>
      </c>
      <c r="AH25" s="92" t="s">
        <v>148</v>
      </c>
      <c r="AI25" s="39" t="s">
        <v>305</v>
      </c>
      <c r="AJ25" s="92" t="s">
        <v>148</v>
      </c>
      <c r="AK25" s="65" t="s">
        <v>118</v>
      </c>
      <c r="AL25" s="65" t="s">
        <v>303</v>
      </c>
      <c r="AM25" s="91" t="s">
        <v>148</v>
      </c>
      <c r="AN25" s="65" t="s">
        <v>304</v>
      </c>
      <c r="AO25" s="91" t="s">
        <v>148</v>
      </c>
      <c r="AP25" s="65" t="s">
        <v>305</v>
      </c>
      <c r="AQ25" s="91" t="s">
        <v>148</v>
      </c>
    </row>
    <row r="26" spans="1:43">
      <c r="A26" s="42" t="s">
        <v>442</v>
      </c>
      <c r="B26" s="224">
        <v>12817</v>
      </c>
      <c r="C26" s="230">
        <v>0.1655288439559062</v>
      </c>
      <c r="D26" s="95">
        <v>6.4349817515656467E-3</v>
      </c>
      <c r="E26" s="230">
        <v>8.237909538314811E-2</v>
      </c>
      <c r="F26" s="95">
        <v>4.7626385080342132E-3</v>
      </c>
      <c r="G26" s="230">
        <v>0.75209206066094569</v>
      </c>
      <c r="H26" s="95">
        <v>7.4751861419048177E-3</v>
      </c>
      <c r="I26" s="224">
        <v>9960</v>
      </c>
      <c r="J26" s="230">
        <v>0.42221423489526694</v>
      </c>
      <c r="K26" s="95">
        <v>9.6982503312418155E-3</v>
      </c>
      <c r="L26" s="230">
        <v>0.12434765953571522</v>
      </c>
      <c r="M26" s="95">
        <v>6.4826065521097131E-3</v>
      </c>
      <c r="N26" s="230">
        <v>0.45343810556901781</v>
      </c>
      <c r="O26" s="95">
        <v>9.7750597076905286E-3</v>
      </c>
      <c r="P26" s="224">
        <v>11775</v>
      </c>
      <c r="Q26" s="230">
        <v>0.44274960432471661</v>
      </c>
      <c r="R26" s="95">
        <v>8.9703234491315797E-3</v>
      </c>
      <c r="S26" s="230">
        <v>0.12592127263714373</v>
      </c>
      <c r="T26" s="95">
        <v>5.9939633075205365E-3</v>
      </c>
      <c r="U26" s="230">
        <v>0.43132912303813969</v>
      </c>
      <c r="V26" s="95">
        <v>8.9441604263543802E-3</v>
      </c>
      <c r="W26" s="224">
        <v>11982</v>
      </c>
      <c r="X26" s="230">
        <v>0.13266126708100692</v>
      </c>
      <c r="Y26" s="95">
        <v>6.0751254480915038E-3</v>
      </c>
      <c r="Z26" s="230">
        <v>0.11005759233668513</v>
      </c>
      <c r="AA26" s="95">
        <v>5.6057630823005715E-3</v>
      </c>
      <c r="AB26" s="230">
        <v>0.757281140582308</v>
      </c>
      <c r="AC26" s="95">
        <v>7.6762912858400418E-3</v>
      </c>
      <c r="AD26" s="224">
        <v>11073</v>
      </c>
      <c r="AE26" s="230">
        <v>0.19549564530829819</v>
      </c>
      <c r="AF26" s="95">
        <v>7.3870350303673511E-3</v>
      </c>
      <c r="AG26" s="230">
        <v>0.11651152614907345</v>
      </c>
      <c r="AH26" s="95">
        <v>5.9779707164466572E-3</v>
      </c>
      <c r="AI26" s="230">
        <v>0.68799282854262833</v>
      </c>
      <c r="AJ26" s="95">
        <v>8.6286936677643436E-3</v>
      </c>
      <c r="AK26" s="224">
        <v>8848</v>
      </c>
      <c r="AL26" s="230">
        <v>0.17984702797841162</v>
      </c>
      <c r="AM26" s="95">
        <v>8.0033300955306245E-3</v>
      </c>
      <c r="AN26" s="230">
        <v>0.13081950861772279</v>
      </c>
      <c r="AO26" s="95">
        <v>7.0284840389782709E-3</v>
      </c>
      <c r="AP26" s="230">
        <v>0.68933346340386559</v>
      </c>
      <c r="AQ26" s="95">
        <v>9.6411785848767428E-3</v>
      </c>
    </row>
    <row r="27" spans="1:43">
      <c r="A27" s="46" t="s">
        <v>443</v>
      </c>
      <c r="B27" s="227">
        <v>1023</v>
      </c>
      <c r="C27" s="231">
        <v>0.14364299123796373</v>
      </c>
      <c r="D27" s="98">
        <v>2.1536562481440737E-2</v>
      </c>
      <c r="E27" s="231">
        <v>7.1828055069946883E-2</v>
      </c>
      <c r="F27" s="98">
        <v>1.5959731402979731E-2</v>
      </c>
      <c r="G27" s="231">
        <v>0.78452895369208941</v>
      </c>
      <c r="H27" s="98">
        <v>2.5192820991873349E-2</v>
      </c>
      <c r="I27" s="227">
        <v>800</v>
      </c>
      <c r="J27" s="231">
        <v>0.51231470953805769</v>
      </c>
      <c r="K27" s="98">
        <v>3.4551554886955591E-2</v>
      </c>
      <c r="L27" s="231">
        <v>0.12442793820546341</v>
      </c>
      <c r="M27" s="98">
        <v>2.296178665940634E-2</v>
      </c>
      <c r="N27" s="231">
        <v>0.36325735225647893</v>
      </c>
      <c r="O27" s="98">
        <v>3.3257636978273573E-2</v>
      </c>
      <c r="P27" s="227">
        <v>933</v>
      </c>
      <c r="Q27" s="231">
        <v>0.5385771840925333</v>
      </c>
      <c r="R27" s="98">
        <v>3.192058652106599E-2</v>
      </c>
      <c r="S27" s="231">
        <v>0.11609774056364906</v>
      </c>
      <c r="T27" s="98">
        <v>2.0636742668443342E-2</v>
      </c>
      <c r="U27" s="231">
        <v>0.34532507534381757</v>
      </c>
      <c r="V27" s="98">
        <v>3.0458525569359466E-2</v>
      </c>
      <c r="W27" s="227">
        <v>951</v>
      </c>
      <c r="X27" s="231">
        <v>0.14087651664151951</v>
      </c>
      <c r="Y27" s="98">
        <v>2.2162932248487706E-2</v>
      </c>
      <c r="Z27" s="231">
        <v>0.12089748942254282</v>
      </c>
      <c r="AA27" s="98">
        <v>2.0793311144836228E-2</v>
      </c>
      <c r="AB27" s="231">
        <v>0.73822599393593769</v>
      </c>
      <c r="AC27" s="98">
        <v>2.7915456817655504E-2</v>
      </c>
      <c r="AD27" s="227">
        <v>886</v>
      </c>
      <c r="AE27" s="231">
        <v>0.23285548942258069</v>
      </c>
      <c r="AF27" s="98">
        <v>2.7817593477674936E-2</v>
      </c>
      <c r="AG27" s="231">
        <v>0.14127766224804361</v>
      </c>
      <c r="AH27" s="98">
        <v>2.2992179289480306E-2</v>
      </c>
      <c r="AI27" s="231">
        <v>0.62586684832937567</v>
      </c>
      <c r="AJ27" s="98">
        <v>3.1801445495445169E-2</v>
      </c>
      <c r="AK27" s="227">
        <v>727</v>
      </c>
      <c r="AL27" s="231">
        <v>0.17290563891037081</v>
      </c>
      <c r="AM27" s="98">
        <v>2.7526141224602348E-2</v>
      </c>
      <c r="AN27" s="231">
        <v>0.10703068675743388</v>
      </c>
      <c r="AO27" s="98">
        <v>2.2608182398201275E-2</v>
      </c>
      <c r="AP27" s="231">
        <v>0.72006367433219531</v>
      </c>
      <c r="AQ27" s="98">
        <v>3.2589755305516131E-2</v>
      </c>
    </row>
    <row r="28" spans="1:43">
      <c r="A28" s="50" t="s">
        <v>434</v>
      </c>
      <c r="B28" s="51">
        <v>272</v>
      </c>
      <c r="C28" s="183">
        <v>8.1022349742444988E-2</v>
      </c>
      <c r="D28" s="95">
        <v>3.3266704754163427E-2</v>
      </c>
      <c r="E28" s="183">
        <v>2.4915159612244522E-2</v>
      </c>
      <c r="F28" s="95">
        <v>2.070144125689892E-2</v>
      </c>
      <c r="G28" s="183">
        <v>0.89406249064531051</v>
      </c>
      <c r="H28" s="95">
        <v>3.7155276588929788E-2</v>
      </c>
      <c r="I28" s="51">
        <v>207</v>
      </c>
      <c r="J28" s="183">
        <v>0.50179928445298394</v>
      </c>
      <c r="K28" s="95">
        <v>6.7465561872508226E-2</v>
      </c>
      <c r="L28" s="183">
        <v>0.10980641027882689</v>
      </c>
      <c r="M28" s="95">
        <v>4.3402560130209739E-2</v>
      </c>
      <c r="N28" s="183">
        <v>0.38839430526818913</v>
      </c>
      <c r="O28" s="95">
        <v>6.5828540495506807E-2</v>
      </c>
      <c r="P28" s="51">
        <v>252</v>
      </c>
      <c r="Q28" s="183">
        <v>0.43584098564994617</v>
      </c>
      <c r="R28" s="95">
        <v>6.0759413769202596E-2</v>
      </c>
      <c r="S28" s="183">
        <v>0.14768692078900819</v>
      </c>
      <c r="T28" s="95">
        <v>4.4121105984891336E-2</v>
      </c>
      <c r="U28" s="183">
        <v>0.41647209356104564</v>
      </c>
      <c r="V28" s="95">
        <v>6.0416152276671277E-2</v>
      </c>
      <c r="W28" s="51">
        <v>259</v>
      </c>
      <c r="X28" s="183">
        <v>0.10552739879159646</v>
      </c>
      <c r="Y28" s="95">
        <v>3.8044360990721268E-2</v>
      </c>
      <c r="Z28" s="183">
        <v>3.8774638160731997E-2</v>
      </c>
      <c r="AA28" s="95">
        <v>2.5262895141006117E-2</v>
      </c>
      <c r="AB28" s="183">
        <v>0.85569796304767154</v>
      </c>
      <c r="AC28" s="95">
        <v>4.3121057107632678E-2</v>
      </c>
      <c r="AD28" s="51">
        <v>235</v>
      </c>
      <c r="AE28" s="183">
        <v>0.20991666496863876</v>
      </c>
      <c r="AF28" s="95">
        <v>5.2064722548547167E-2</v>
      </c>
      <c r="AG28" s="183">
        <v>0.1289743911031907</v>
      </c>
      <c r="AH28" s="95">
        <v>4.3349257060204677E-2</v>
      </c>
      <c r="AI28" s="183">
        <v>0.66110894392817054</v>
      </c>
      <c r="AJ28" s="95">
        <v>6.0125281284036658E-2</v>
      </c>
      <c r="AK28" s="51">
        <v>200</v>
      </c>
      <c r="AL28" s="183">
        <v>0.24350056005981571</v>
      </c>
      <c r="AM28" s="95">
        <v>5.9304301956488288E-2</v>
      </c>
      <c r="AN28" s="183">
        <v>0.2473216281108308</v>
      </c>
      <c r="AO28" s="95">
        <v>5.9600468907300842E-2</v>
      </c>
      <c r="AP28" s="183">
        <v>0.50917781182935351</v>
      </c>
      <c r="AQ28" s="95">
        <v>6.8602613092804285E-2</v>
      </c>
    </row>
    <row r="29" spans="1:43" ht="25.5">
      <c r="A29" s="46" t="s">
        <v>438</v>
      </c>
      <c r="B29" s="227">
        <v>57</v>
      </c>
      <c r="C29" s="231">
        <v>0.11211126085311805</v>
      </c>
      <c r="D29" s="98">
        <v>8.6433855761024081E-2</v>
      </c>
      <c r="E29" s="231">
        <v>8.7775097852373623E-3</v>
      </c>
      <c r="F29" s="98">
        <v>4.9754881931987932E-2</v>
      </c>
      <c r="G29" s="231">
        <v>0.87911122936164454</v>
      </c>
      <c r="H29" s="98">
        <v>8.8549498251440525E-2</v>
      </c>
      <c r="I29" s="227">
        <v>40</v>
      </c>
      <c r="J29" s="231">
        <v>0.4816125156243633</v>
      </c>
      <c r="K29" s="98">
        <v>0.14765797208886206</v>
      </c>
      <c r="L29" s="231">
        <v>0.18258253910311786</v>
      </c>
      <c r="M29" s="98">
        <v>0.12065343248658247</v>
      </c>
      <c r="N29" s="231">
        <v>0.33580494527251886</v>
      </c>
      <c r="O29" s="98">
        <v>0.14100332776218069</v>
      </c>
      <c r="P29" s="227">
        <v>53</v>
      </c>
      <c r="Q29" s="231">
        <v>0.32470981006860683</v>
      </c>
      <c r="R29" s="98">
        <v>0.12271391275490813</v>
      </c>
      <c r="S29" s="231">
        <v>9.6607409639397235E-2</v>
      </c>
      <c r="T29" s="98">
        <v>8.5832555969327318E-2</v>
      </c>
      <c r="U29" s="231">
        <v>0.57868278029199594</v>
      </c>
      <c r="V29" s="98">
        <v>0.12840708370159834</v>
      </c>
      <c r="W29" s="227">
        <v>54</v>
      </c>
      <c r="X29" s="231">
        <v>9.801124849409161E-2</v>
      </c>
      <c r="Y29" s="98">
        <v>8.532791586732856E-2</v>
      </c>
      <c r="Z29" s="231">
        <v>2.838733385705321E-2</v>
      </c>
      <c r="AA29" s="98">
        <v>6.1552798225339989E-2</v>
      </c>
      <c r="AB29" s="231">
        <v>0.87360141764885524</v>
      </c>
      <c r="AC29" s="98">
        <v>9.2438776879215714E-2</v>
      </c>
      <c r="AD29" s="227">
        <v>46</v>
      </c>
      <c r="AE29" s="232">
        <v>0.16370416462320483</v>
      </c>
      <c r="AF29" s="98">
        <v>0.10887318758803277</v>
      </c>
      <c r="AG29" s="231">
        <v>0.19859909474410622</v>
      </c>
      <c r="AH29" s="98">
        <v>0.11532760690091592</v>
      </c>
      <c r="AI29" s="231">
        <v>0.637696740632689</v>
      </c>
      <c r="AJ29" s="98">
        <v>0.13407085520808382</v>
      </c>
      <c r="AK29" s="227">
        <v>35</v>
      </c>
      <c r="AL29" s="231">
        <v>0.11126464741985979</v>
      </c>
      <c r="AM29" s="98">
        <v>0.11241532899280882</v>
      </c>
      <c r="AN29" s="231">
        <v>0.10112534151865449</v>
      </c>
      <c r="AO29" s="98">
        <v>0.10956124520053959</v>
      </c>
      <c r="AP29" s="231">
        <v>0.78761001106148576</v>
      </c>
      <c r="AQ29" s="98">
        <v>0.13439957372352287</v>
      </c>
    </row>
    <row r="30" spans="1:43" ht="38.25">
      <c r="A30" s="54" t="s">
        <v>454</v>
      </c>
      <c r="B30" s="224">
        <v>67</v>
      </c>
      <c r="C30" s="230">
        <v>0.19652772030394078</v>
      </c>
      <c r="D30" s="95">
        <v>9.5338342878997173E-2</v>
      </c>
      <c r="E30" s="230">
        <v>9.4952973500548737E-2</v>
      </c>
      <c r="F30" s="95">
        <v>7.4978919629769283E-2</v>
      </c>
      <c r="G30" s="230">
        <v>0.70851930619551051</v>
      </c>
      <c r="H30" s="95">
        <v>0.10691951943147418</v>
      </c>
      <c r="I30" s="224">
        <v>52</v>
      </c>
      <c r="J30" s="230">
        <v>0.63445862014470922</v>
      </c>
      <c r="K30" s="95">
        <v>0.1268093845919078</v>
      </c>
      <c r="L30" s="230">
        <v>0.14646116532771011</v>
      </c>
      <c r="M30" s="95">
        <v>9.8776813039254216E-2</v>
      </c>
      <c r="N30" s="230">
        <v>0.21908021452758061</v>
      </c>
      <c r="O30" s="95">
        <v>0.11172342182728373</v>
      </c>
      <c r="P30" s="224">
        <v>59</v>
      </c>
      <c r="Q30" s="230">
        <v>0.72960868361227182</v>
      </c>
      <c r="R30" s="95">
        <v>0.11146726291677576</v>
      </c>
      <c r="S30" s="230">
        <v>0.138520342985892</v>
      </c>
      <c r="T30" s="95">
        <v>9.0864151826839074E-2</v>
      </c>
      <c r="U30" s="230">
        <v>0.13187097340183615</v>
      </c>
      <c r="V30" s="95">
        <v>8.9425037494390444E-2</v>
      </c>
      <c r="W30" s="224">
        <v>66</v>
      </c>
      <c r="X30" s="230">
        <v>0.27550617803064376</v>
      </c>
      <c r="Y30" s="95">
        <v>0.10611902870784556</v>
      </c>
      <c r="Z30" s="230">
        <v>0.21177851461633329</v>
      </c>
      <c r="AA30" s="95">
        <v>9.8321757686287883E-2</v>
      </c>
      <c r="AB30" s="230">
        <v>0.51271530735302295</v>
      </c>
      <c r="AC30" s="95">
        <v>0.11709872814120113</v>
      </c>
      <c r="AD30" s="224">
        <v>59</v>
      </c>
      <c r="AE30" s="230">
        <v>0.26727830094661287</v>
      </c>
      <c r="AF30" s="95">
        <v>0.11112146285717113</v>
      </c>
      <c r="AG30" s="233">
        <v>4.6072423259676094E-2</v>
      </c>
      <c r="AH30" s="95">
        <v>6.499844770803076E-2</v>
      </c>
      <c r="AI30" s="230">
        <v>0.68664927579371104</v>
      </c>
      <c r="AJ30" s="95">
        <v>0.11567755781654226</v>
      </c>
      <c r="AK30" s="224">
        <v>51</v>
      </c>
      <c r="AL30" s="230">
        <v>0.26045992896407555</v>
      </c>
      <c r="AM30" s="95">
        <v>0.11838823645135321</v>
      </c>
      <c r="AN30" s="230">
        <v>2.6222868566218856E-2</v>
      </c>
      <c r="AO30" s="95">
        <v>6.3096060776275123E-2</v>
      </c>
      <c r="AP30" s="230">
        <v>0.71331720246970554</v>
      </c>
      <c r="AQ30" s="95">
        <v>0.12136295037610137</v>
      </c>
    </row>
    <row r="31" spans="1:43" ht="25.5">
      <c r="A31" s="46" t="s">
        <v>444</v>
      </c>
      <c r="B31" s="227">
        <v>113</v>
      </c>
      <c r="C31" s="231">
        <v>5.9565372619601757E-2</v>
      </c>
      <c r="D31" s="98">
        <v>4.7616640819515499E-2</v>
      </c>
      <c r="E31" s="231">
        <v>1.1948311556226797E-2</v>
      </c>
      <c r="F31" s="98">
        <v>3.0219997048472898E-2</v>
      </c>
      <c r="G31" s="231">
        <v>0.9284863158241714</v>
      </c>
      <c r="H31" s="98">
        <v>5.0846074999163701E-2</v>
      </c>
      <c r="I31" s="227">
        <v>86</v>
      </c>
      <c r="J31" s="231">
        <v>0.51219766951088119</v>
      </c>
      <c r="K31" s="98">
        <v>0.10327299913183813</v>
      </c>
      <c r="L31" s="231">
        <v>7.6602150918914161E-2</v>
      </c>
      <c r="M31" s="98">
        <v>6.0698460154282055E-2</v>
      </c>
      <c r="N31" s="231">
        <v>0.4112001795702046</v>
      </c>
      <c r="O31" s="98">
        <v>0.10180265512379814</v>
      </c>
      <c r="P31" s="227">
        <v>108</v>
      </c>
      <c r="Q31" s="231">
        <v>0.44801607907305979</v>
      </c>
      <c r="R31" s="98">
        <v>9.213475253798474E-2</v>
      </c>
      <c r="S31" s="231">
        <v>0.154455589863084</v>
      </c>
      <c r="T31" s="98">
        <v>6.9042423840338762E-2</v>
      </c>
      <c r="U31" s="231">
        <v>0.39752833106385621</v>
      </c>
      <c r="V31" s="98">
        <v>9.0775004809451373E-2</v>
      </c>
      <c r="W31" s="227">
        <v>107</v>
      </c>
      <c r="X31" s="231">
        <v>8.6599594749421874E-2</v>
      </c>
      <c r="Y31" s="98">
        <v>5.6179875631586988E-2</v>
      </c>
      <c r="Z31" s="231">
        <v>1.8046561137391934E-2</v>
      </c>
      <c r="AA31" s="98">
        <v>3.4383813517685734E-2</v>
      </c>
      <c r="AB31" s="231">
        <v>0.89535384411318619</v>
      </c>
      <c r="AC31" s="98">
        <v>6.0212585185214655E-2</v>
      </c>
      <c r="AD31" s="227">
        <v>99</v>
      </c>
      <c r="AE31" s="231">
        <v>0.22086844856499671</v>
      </c>
      <c r="AF31" s="98">
        <v>8.148383521810515E-2</v>
      </c>
      <c r="AG31" s="231">
        <v>0.12949320409613832</v>
      </c>
      <c r="AH31" s="98">
        <v>6.7780891555142955E-2</v>
      </c>
      <c r="AI31" s="231">
        <v>0.64963834733886494</v>
      </c>
      <c r="AJ31" s="98">
        <v>9.2480998112605503E-2</v>
      </c>
      <c r="AK31" s="227">
        <v>83</v>
      </c>
      <c r="AL31" s="231">
        <v>8.8337160058063732E-2</v>
      </c>
      <c r="AM31" s="98">
        <v>6.5025739027430821E-2</v>
      </c>
      <c r="AN31" s="231">
        <v>6.9113828423263052E-2</v>
      </c>
      <c r="AO31" s="98">
        <v>5.9811508639818198E-2</v>
      </c>
      <c r="AP31" s="231">
        <v>0.84254901151867323</v>
      </c>
      <c r="AQ31" s="98">
        <v>7.9519014282366227E-2</v>
      </c>
    </row>
    <row r="32" spans="1:43">
      <c r="A32" s="54" t="s">
        <v>445</v>
      </c>
      <c r="B32" s="224">
        <v>241</v>
      </c>
      <c r="C32" s="230">
        <v>0.30298744360210428</v>
      </c>
      <c r="D32" s="95">
        <v>5.7715750187503398E-2</v>
      </c>
      <c r="E32" s="230">
        <v>7.855716966081161E-2</v>
      </c>
      <c r="F32" s="95">
        <v>3.5002965518799417E-2</v>
      </c>
      <c r="G32" s="230">
        <v>0.61845538673708411</v>
      </c>
      <c r="H32" s="95">
        <v>6.0886031662379568E-2</v>
      </c>
      <c r="I32" s="224">
        <v>198</v>
      </c>
      <c r="J32" s="230">
        <v>0.62007868460489557</v>
      </c>
      <c r="K32" s="95">
        <v>6.701486451469596E-2</v>
      </c>
      <c r="L32" s="230">
        <v>0.17030432143958188</v>
      </c>
      <c r="M32" s="95">
        <v>5.2614563342159949E-2</v>
      </c>
      <c r="N32" s="230">
        <v>0.20961699395552255</v>
      </c>
      <c r="O32" s="95">
        <v>5.668959603694914E-2</v>
      </c>
      <c r="P32" s="224">
        <v>220</v>
      </c>
      <c r="Q32" s="230">
        <v>0.63535776240148834</v>
      </c>
      <c r="R32" s="95">
        <v>6.3122137915552851E-2</v>
      </c>
      <c r="S32" s="230">
        <v>0.14225780900636623</v>
      </c>
      <c r="T32" s="95">
        <v>4.658690310425239E-2</v>
      </c>
      <c r="U32" s="230">
        <v>0.22238442859214527</v>
      </c>
      <c r="V32" s="95">
        <v>5.4886489143143168E-2</v>
      </c>
      <c r="W32" s="224">
        <v>225</v>
      </c>
      <c r="X32" s="230">
        <v>0.23994136250408477</v>
      </c>
      <c r="Y32" s="95">
        <v>5.5665396546353066E-2</v>
      </c>
      <c r="Z32" s="230">
        <v>0.13475947420223355</v>
      </c>
      <c r="AA32" s="95">
        <v>4.5094499801247023E-2</v>
      </c>
      <c r="AB32" s="230">
        <v>0.62529916329368185</v>
      </c>
      <c r="AC32" s="95">
        <v>6.276649492037846E-2</v>
      </c>
      <c r="AD32" s="224">
        <v>215</v>
      </c>
      <c r="AE32" s="230">
        <v>0.26916552643938468</v>
      </c>
      <c r="AF32" s="95">
        <v>5.9029878625825732E-2</v>
      </c>
      <c r="AG32" s="230">
        <v>0.10693752485503595</v>
      </c>
      <c r="AH32" s="95">
        <v>4.211113562138926E-2</v>
      </c>
      <c r="AI32" s="230">
        <v>0.62389694870557932</v>
      </c>
      <c r="AJ32" s="95">
        <v>6.4232887844199005E-2</v>
      </c>
      <c r="AK32" s="224">
        <v>230</v>
      </c>
      <c r="AL32" s="230">
        <v>9.041473698935569E-2</v>
      </c>
      <c r="AM32" s="95">
        <v>3.799334149063132E-2</v>
      </c>
      <c r="AN32" s="230">
        <v>0.13015223629076933</v>
      </c>
      <c r="AO32" s="95">
        <v>4.3985686568322684E-2</v>
      </c>
      <c r="AP32" s="230">
        <v>0.77943302671987502</v>
      </c>
      <c r="AQ32" s="95">
        <v>5.3533460466258204E-2</v>
      </c>
    </row>
    <row r="33" spans="1:43">
      <c r="A33" s="46" t="s">
        <v>446</v>
      </c>
      <c r="B33" s="227">
        <v>125</v>
      </c>
      <c r="C33" s="231">
        <v>0.30439454582101999</v>
      </c>
      <c r="D33" s="98">
        <v>7.9844261831181332E-2</v>
      </c>
      <c r="E33" s="231">
        <v>8.4284457508378915E-2</v>
      </c>
      <c r="F33" s="98">
        <v>5.1114015910033728E-2</v>
      </c>
      <c r="G33" s="231">
        <v>0.61132099667060114</v>
      </c>
      <c r="H33" s="98">
        <v>8.4252300227154506E-2</v>
      </c>
      <c r="I33" s="227">
        <v>103</v>
      </c>
      <c r="J33" s="231">
        <v>0.57250263105619759</v>
      </c>
      <c r="K33" s="98">
        <v>9.3812685006287144E-2</v>
      </c>
      <c r="L33" s="231">
        <v>0.22345205298359963</v>
      </c>
      <c r="M33" s="98">
        <v>8.0195730113993655E-2</v>
      </c>
      <c r="N33" s="231">
        <v>0.20404531596020281</v>
      </c>
      <c r="O33" s="98">
        <v>7.7857092061637198E-2</v>
      </c>
      <c r="P33" s="227">
        <v>114</v>
      </c>
      <c r="Q33" s="231">
        <v>0.58991871957219066</v>
      </c>
      <c r="R33" s="98">
        <v>8.8844243011747717E-2</v>
      </c>
      <c r="S33" s="231">
        <v>0.19224989817484281</v>
      </c>
      <c r="T33" s="98">
        <v>7.2533482012040379E-2</v>
      </c>
      <c r="U33" s="231">
        <v>0.2178313822529665</v>
      </c>
      <c r="V33" s="98">
        <v>7.5628456583691342E-2</v>
      </c>
      <c r="W33" s="227">
        <v>114</v>
      </c>
      <c r="X33" s="231">
        <v>0.23698119770909457</v>
      </c>
      <c r="Y33" s="98">
        <v>7.7697504493461578E-2</v>
      </c>
      <c r="Z33" s="231">
        <v>0.18359309329007478</v>
      </c>
      <c r="AA33" s="98">
        <v>7.139274015314391E-2</v>
      </c>
      <c r="AB33" s="231">
        <v>0.57942570900083068</v>
      </c>
      <c r="AC33" s="98">
        <v>8.9147594939516475E-2</v>
      </c>
      <c r="AD33" s="227">
        <v>110</v>
      </c>
      <c r="AE33" s="231">
        <v>0.33069861854325</v>
      </c>
      <c r="AF33" s="98">
        <v>8.6748272083448139E-2</v>
      </c>
      <c r="AG33" s="231">
        <v>0.12129296959349617</v>
      </c>
      <c r="AH33" s="98">
        <v>6.2648207048419058E-2</v>
      </c>
      <c r="AI33" s="231">
        <v>0.54800841186325377</v>
      </c>
      <c r="AJ33" s="98">
        <v>9.1390635154144612E-2</v>
      </c>
      <c r="AK33" s="227">
        <v>97</v>
      </c>
      <c r="AL33" s="231">
        <v>0.26731338734763282</v>
      </c>
      <c r="AM33" s="98">
        <v>8.7232063013359035E-2</v>
      </c>
      <c r="AN33" s="231">
        <v>7.6238195892973079E-2</v>
      </c>
      <c r="AO33" s="98">
        <v>5.6647946395677315E-2</v>
      </c>
      <c r="AP33" s="231">
        <v>0.65644841675939414</v>
      </c>
      <c r="AQ33" s="98">
        <v>9.3006591020731944E-2</v>
      </c>
    </row>
    <row r="34" spans="1:43">
      <c r="A34" s="54" t="s">
        <v>447</v>
      </c>
      <c r="B34" s="224">
        <v>116</v>
      </c>
      <c r="C34" s="230">
        <v>0.30081949994047907</v>
      </c>
      <c r="D34" s="95">
        <v>8.256229173082065E-2</v>
      </c>
      <c r="E34" s="230">
        <v>6.9733050687419071E-2</v>
      </c>
      <c r="F34" s="95">
        <v>4.965117209577035E-2</v>
      </c>
      <c r="G34" s="230">
        <v>0.62944744937210184</v>
      </c>
      <c r="H34" s="95">
        <v>8.6614454456219611E-2</v>
      </c>
      <c r="I34" s="224">
        <v>95</v>
      </c>
      <c r="J34" s="230">
        <v>0.68955217688457759</v>
      </c>
      <c r="K34" s="95">
        <v>9.1745129901371458E-2</v>
      </c>
      <c r="L34" s="230">
        <v>9.2694720775111122E-2</v>
      </c>
      <c r="M34" s="95">
        <v>6.1426426986768853E-2</v>
      </c>
      <c r="N34" s="230">
        <v>0.21775310234031131</v>
      </c>
      <c r="O34" s="95">
        <v>8.2791931792379536E-2</v>
      </c>
      <c r="P34" s="224">
        <v>106</v>
      </c>
      <c r="Q34" s="230">
        <v>0.70552581076647292</v>
      </c>
      <c r="R34" s="95">
        <v>8.5796512774202346E-2</v>
      </c>
      <c r="S34" s="230">
        <v>6.5058838424650559E-2</v>
      </c>
      <c r="T34" s="95">
        <v>5.0951136171276577E-2</v>
      </c>
      <c r="U34" s="230">
        <v>0.22941535080887651</v>
      </c>
      <c r="V34" s="95">
        <v>7.9727778692421147E-2</v>
      </c>
      <c r="W34" s="224">
        <v>111</v>
      </c>
      <c r="X34" s="230">
        <v>0.24423648287269251</v>
      </c>
      <c r="Y34" s="95">
        <v>7.9469951096348579E-2</v>
      </c>
      <c r="Z34" s="230">
        <v>6.3903192020918473E-2</v>
      </c>
      <c r="AA34" s="95">
        <v>4.9320877077155462E-2</v>
      </c>
      <c r="AB34" s="230">
        <v>0.69186032510638906</v>
      </c>
      <c r="AC34" s="95">
        <v>8.4886390348555441E-2</v>
      </c>
      <c r="AD34" s="224">
        <v>105</v>
      </c>
      <c r="AE34" s="230">
        <v>0.16903009985362913</v>
      </c>
      <c r="AF34" s="95">
        <v>7.2308314171384003E-2</v>
      </c>
      <c r="AG34" s="230">
        <v>8.3576297041430658E-2</v>
      </c>
      <c r="AH34" s="95">
        <v>5.6033165022396893E-2</v>
      </c>
      <c r="AI34" s="230">
        <v>0.74739360310494019</v>
      </c>
      <c r="AJ34" s="95">
        <v>8.2518840274395502E-2</v>
      </c>
      <c r="AK34" s="224">
        <v>98</v>
      </c>
      <c r="AL34" s="230">
        <v>0.32852210207774341</v>
      </c>
      <c r="AM34" s="95">
        <v>9.1615403866082593E-2</v>
      </c>
      <c r="AN34" s="230">
        <v>0.13126306211674285</v>
      </c>
      <c r="AO34" s="95">
        <v>6.8473071139661792E-2</v>
      </c>
      <c r="AP34" s="230">
        <v>0.54021483580551377</v>
      </c>
      <c r="AQ34" s="95">
        <v>9.6744304118356245E-2</v>
      </c>
    </row>
    <row r="39" spans="1:43" ht="18.75">
      <c r="A39" s="327" t="s">
        <v>61</v>
      </c>
      <c r="B39" s="327"/>
      <c r="C39" s="327"/>
      <c r="D39" s="327"/>
    </row>
    <row r="40" spans="1:43" ht="115.5" customHeight="1">
      <c r="A40" s="361" t="s">
        <v>257</v>
      </c>
      <c r="B40" s="361"/>
      <c r="C40" s="361"/>
      <c r="D40" s="361"/>
    </row>
    <row r="41" spans="1:43" ht="34.5" customHeight="1">
      <c r="A41" s="329" t="s">
        <v>258</v>
      </c>
      <c r="B41" s="329"/>
      <c r="C41" s="329"/>
      <c r="D41" s="329"/>
    </row>
    <row r="42" spans="1:43" ht="36" customHeight="1">
      <c r="A42" s="34" t="s">
        <v>114</v>
      </c>
      <c r="B42" s="35" t="s">
        <v>115</v>
      </c>
      <c r="C42" s="36" t="s">
        <v>116</v>
      </c>
      <c r="D42" s="37" t="s">
        <v>117</v>
      </c>
    </row>
    <row r="43" spans="1:43" ht="72">
      <c r="A43" s="38"/>
      <c r="B43" s="39" t="s">
        <v>118</v>
      </c>
      <c r="C43" s="130" t="s">
        <v>247</v>
      </c>
      <c r="D43" s="41" t="s">
        <v>120</v>
      </c>
    </row>
    <row r="44" spans="1:43">
      <c r="A44" s="42" t="s">
        <v>442</v>
      </c>
      <c r="B44" s="234">
        <v>11796</v>
      </c>
      <c r="C44" s="235">
        <v>3.8479103026377448</v>
      </c>
      <c r="D44" s="133">
        <v>4.664202237176962E-2</v>
      </c>
    </row>
    <row r="45" spans="1:43">
      <c r="A45" s="46" t="s">
        <v>443</v>
      </c>
      <c r="B45" s="236">
        <v>931</v>
      </c>
      <c r="C45" s="237">
        <v>4.0424507012202229</v>
      </c>
      <c r="D45" s="137">
        <v>0.15499907940720803</v>
      </c>
    </row>
    <row r="46" spans="1:43">
      <c r="A46" s="50" t="s">
        <v>434</v>
      </c>
      <c r="B46" s="80">
        <v>255</v>
      </c>
      <c r="C46" s="81">
        <v>4.1904579285966301</v>
      </c>
      <c r="D46" s="82">
        <v>0.31311835029322443</v>
      </c>
    </row>
    <row r="47" spans="1:43" ht="25.5">
      <c r="A47" s="46" t="s">
        <v>438</v>
      </c>
      <c r="B47" s="236">
        <v>55</v>
      </c>
      <c r="C47" s="237">
        <v>4.5317070009678826</v>
      </c>
      <c r="D47" s="137">
        <v>0.55036488624966884</v>
      </c>
    </row>
    <row r="48" spans="1:43" ht="38.25">
      <c r="A48" s="54" t="s">
        <v>454</v>
      </c>
      <c r="B48" s="234">
        <v>63</v>
      </c>
      <c r="C48" s="235">
        <v>2.8316967063467247</v>
      </c>
      <c r="D48" s="133">
        <v>0.48786366458223007</v>
      </c>
    </row>
    <row r="49" spans="1:15" ht="25.5">
      <c r="A49" s="46" t="s">
        <v>444</v>
      </c>
      <c r="B49" s="236">
        <v>103</v>
      </c>
      <c r="C49" s="237">
        <v>4.2482365923377632</v>
      </c>
      <c r="D49" s="137">
        <v>0.42228263046677306</v>
      </c>
    </row>
    <row r="50" spans="1:15">
      <c r="A50" s="54" t="s">
        <v>445</v>
      </c>
      <c r="B50" s="234">
        <v>222</v>
      </c>
      <c r="C50" s="235">
        <v>3.2379870290905939</v>
      </c>
      <c r="D50" s="133">
        <v>0.32698498246898655</v>
      </c>
    </row>
    <row r="51" spans="1:15">
      <c r="A51" s="46" t="s">
        <v>446</v>
      </c>
      <c r="B51" s="236">
        <v>114</v>
      </c>
      <c r="C51" s="237">
        <v>3.4264852842575841</v>
      </c>
      <c r="D51" s="137">
        <v>0.45197266832357075</v>
      </c>
    </row>
    <row r="52" spans="1:15">
      <c r="A52" s="54" t="s">
        <v>447</v>
      </c>
      <c r="B52" s="234">
        <v>108</v>
      </c>
      <c r="C52" s="235">
        <v>2.9443424640819482</v>
      </c>
      <c r="D52" s="133">
        <v>0.39090371048467176</v>
      </c>
    </row>
    <row r="57" spans="1:15" ht="18.75">
      <c r="A57" s="327" t="s">
        <v>62</v>
      </c>
      <c r="B57" s="327"/>
      <c r="C57" s="327"/>
      <c r="D57" s="327"/>
      <c r="E57" s="327"/>
      <c r="F57" s="327"/>
      <c r="G57" s="327"/>
      <c r="H57" s="327"/>
      <c r="I57" s="327"/>
      <c r="J57" s="327"/>
      <c r="K57" s="327"/>
      <c r="L57" s="327"/>
      <c r="M57" s="327"/>
      <c r="N57" s="327"/>
      <c r="O57" s="327"/>
    </row>
    <row r="58" spans="1:15" ht="56.25" customHeight="1">
      <c r="A58" s="360" t="s">
        <v>259</v>
      </c>
      <c r="B58" s="360"/>
      <c r="C58" s="360"/>
      <c r="D58" s="360"/>
      <c r="E58" s="360"/>
      <c r="F58" s="360"/>
      <c r="G58" s="360"/>
      <c r="H58" s="360"/>
      <c r="I58" s="360"/>
      <c r="J58" s="360"/>
      <c r="K58" s="360"/>
      <c r="L58" s="360"/>
      <c r="M58" s="360"/>
      <c r="N58" s="360"/>
      <c r="O58" s="360"/>
    </row>
    <row r="59" spans="1:15" ht="36" customHeight="1">
      <c r="A59" s="61"/>
      <c r="B59" s="347" t="s">
        <v>260</v>
      </c>
      <c r="C59" s="347"/>
      <c r="D59" s="347"/>
      <c r="E59" s="347"/>
      <c r="F59" s="347"/>
      <c r="G59" s="347"/>
      <c r="H59" s="347"/>
      <c r="I59" s="347" t="s">
        <v>261</v>
      </c>
      <c r="J59" s="347"/>
      <c r="K59" s="347"/>
      <c r="L59" s="347"/>
      <c r="M59" s="347"/>
      <c r="N59" s="347"/>
      <c r="O59" s="347"/>
    </row>
    <row r="60" spans="1:15" ht="41.25" customHeight="1">
      <c r="A60" s="34" t="s">
        <v>114</v>
      </c>
      <c r="B60" s="35" t="s">
        <v>115</v>
      </c>
      <c r="C60" s="35" t="s">
        <v>252</v>
      </c>
      <c r="D60" s="90" t="s">
        <v>253</v>
      </c>
      <c r="E60" s="35" t="s">
        <v>254</v>
      </c>
      <c r="F60" s="90" t="s">
        <v>255</v>
      </c>
      <c r="G60" s="35" t="s">
        <v>256</v>
      </c>
      <c r="H60" s="90" t="s">
        <v>195</v>
      </c>
      <c r="I60" s="62" t="s">
        <v>115</v>
      </c>
      <c r="J60" s="62" t="s">
        <v>252</v>
      </c>
      <c r="K60" s="89" t="s">
        <v>253</v>
      </c>
      <c r="L60" s="62" t="s">
        <v>254</v>
      </c>
      <c r="M60" s="89" t="s">
        <v>255</v>
      </c>
      <c r="N60" s="62" t="s">
        <v>256</v>
      </c>
      <c r="O60" s="89" t="s">
        <v>195</v>
      </c>
    </row>
    <row r="61" spans="1:15" ht="72">
      <c r="A61" s="38"/>
      <c r="B61" s="39" t="s">
        <v>118</v>
      </c>
      <c r="C61" s="39" t="s">
        <v>303</v>
      </c>
      <c r="D61" s="92" t="s">
        <v>148</v>
      </c>
      <c r="E61" s="39" t="s">
        <v>304</v>
      </c>
      <c r="F61" s="92" t="s">
        <v>148</v>
      </c>
      <c r="G61" s="39" t="s">
        <v>305</v>
      </c>
      <c r="H61" s="92" t="s">
        <v>148</v>
      </c>
      <c r="I61" s="65" t="s">
        <v>118</v>
      </c>
      <c r="J61" s="65" t="s">
        <v>303</v>
      </c>
      <c r="K61" s="91" t="s">
        <v>148</v>
      </c>
      <c r="L61" s="65" t="s">
        <v>304</v>
      </c>
      <c r="M61" s="91" t="s">
        <v>148</v>
      </c>
      <c r="N61" s="65" t="s">
        <v>305</v>
      </c>
      <c r="O61" s="91" t="s">
        <v>148</v>
      </c>
    </row>
    <row r="62" spans="1:15" ht="14.25" customHeight="1">
      <c r="A62" s="42" t="s">
        <v>442</v>
      </c>
      <c r="B62" s="234">
        <v>12740</v>
      </c>
      <c r="C62" s="238">
        <v>0.32984722597937882</v>
      </c>
      <c r="D62" s="95">
        <v>8.1632738909301356E-3</v>
      </c>
      <c r="E62" s="238">
        <v>0.1670380599847742</v>
      </c>
      <c r="F62" s="95">
        <v>6.4778674575269131E-3</v>
      </c>
      <c r="G62" s="238">
        <v>0.50311471403584695</v>
      </c>
      <c r="H62" s="95">
        <v>8.6809003893529649E-3</v>
      </c>
      <c r="I62" s="234">
        <v>12323</v>
      </c>
      <c r="J62" s="238">
        <v>0.55284484735511197</v>
      </c>
      <c r="K62" s="95">
        <v>8.7772752534187488E-3</v>
      </c>
      <c r="L62" s="238">
        <v>0.1268786299299921</v>
      </c>
      <c r="M62" s="95">
        <v>5.878085838663726E-3</v>
      </c>
      <c r="N62" s="238">
        <v>0.32027652271489598</v>
      </c>
      <c r="O62" s="95">
        <v>8.2371498328531623E-3</v>
      </c>
    </row>
    <row r="63" spans="1:15" ht="14.25" customHeight="1">
      <c r="A63" s="46" t="s">
        <v>443</v>
      </c>
      <c r="B63" s="236">
        <v>1016</v>
      </c>
      <c r="C63" s="239">
        <v>0.21488516488962611</v>
      </c>
      <c r="D63" s="98">
        <v>2.5254761320700564E-2</v>
      </c>
      <c r="E63" s="239">
        <v>0.13822056429615337</v>
      </c>
      <c r="F63" s="98">
        <v>2.1271597587133696E-2</v>
      </c>
      <c r="G63" s="239">
        <v>0.64689427081422046</v>
      </c>
      <c r="H63" s="98">
        <v>2.9341717420024008E-2</v>
      </c>
      <c r="I63" s="236">
        <v>963</v>
      </c>
      <c r="J63" s="239">
        <v>0.59138820016629512</v>
      </c>
      <c r="K63" s="98">
        <v>3.0988215355486001E-2</v>
      </c>
      <c r="L63" s="239">
        <v>0.1361866091689109</v>
      </c>
      <c r="M63" s="98">
        <v>2.1718396948199659E-2</v>
      </c>
      <c r="N63" s="239">
        <v>0.27242519066479404</v>
      </c>
      <c r="O63" s="98">
        <v>2.80913891366757E-2</v>
      </c>
    </row>
    <row r="64" spans="1:15" ht="14.25" customHeight="1">
      <c r="A64" s="50" t="s">
        <v>434</v>
      </c>
      <c r="B64" s="51">
        <v>272</v>
      </c>
      <c r="C64" s="183">
        <v>0.1415039771740654</v>
      </c>
      <c r="D64" s="95">
        <v>4.1741392690239937E-2</v>
      </c>
      <c r="E64" s="183">
        <v>9.0940619488263069E-2</v>
      </c>
      <c r="F64" s="95">
        <v>3.4895493615347078E-2</v>
      </c>
      <c r="G64" s="183">
        <v>0.76755540333767158</v>
      </c>
      <c r="H64" s="95">
        <v>5.0119748249513429E-2</v>
      </c>
      <c r="I64" s="51">
        <v>258</v>
      </c>
      <c r="J64" s="183">
        <v>0.6320476980166988</v>
      </c>
      <c r="K64" s="95">
        <v>5.846135577031103E-2</v>
      </c>
      <c r="L64" s="183">
        <v>0.14713076714102361</v>
      </c>
      <c r="M64" s="95">
        <v>4.353427493067881E-2</v>
      </c>
      <c r="N64" s="183">
        <v>0.22082153484227768</v>
      </c>
      <c r="O64" s="95">
        <v>5.0571392944736254E-2</v>
      </c>
    </row>
    <row r="65" spans="1:15" ht="36" customHeight="1">
      <c r="A65" s="46" t="s">
        <v>438</v>
      </c>
      <c r="B65" s="236">
        <v>58</v>
      </c>
      <c r="C65" s="239">
        <v>9.1664872095167285E-2</v>
      </c>
      <c r="D65" s="98">
        <v>8.0306368305628137E-2</v>
      </c>
      <c r="E65" s="239">
        <v>0.10340210105253635</v>
      </c>
      <c r="F65" s="98">
        <v>8.3435039084300888E-2</v>
      </c>
      <c r="G65" s="239">
        <v>0.8049330268522964</v>
      </c>
      <c r="H65" s="98">
        <v>0.1022170849485298</v>
      </c>
      <c r="I65" s="236">
        <v>55</v>
      </c>
      <c r="J65" s="239">
        <v>0.50609120927353979</v>
      </c>
      <c r="K65" s="98">
        <v>0.12757690517453574</v>
      </c>
      <c r="L65" s="239">
        <v>0.18936892199901853</v>
      </c>
      <c r="M65" s="98">
        <v>0.10401074217514808</v>
      </c>
      <c r="N65" s="239">
        <v>0.30453986872744165</v>
      </c>
      <c r="O65" s="98">
        <v>0.11881184273587553</v>
      </c>
    </row>
    <row r="66" spans="1:15" ht="38.25">
      <c r="A66" s="320" t="s">
        <v>454</v>
      </c>
      <c r="B66" s="234">
        <v>67</v>
      </c>
      <c r="C66" s="238">
        <v>0.3928095266569363</v>
      </c>
      <c r="D66" s="95">
        <v>0.11389976620618307</v>
      </c>
      <c r="E66" s="238">
        <v>0.19073452285124534</v>
      </c>
      <c r="F66" s="95">
        <v>9.4437104554889059E-2</v>
      </c>
      <c r="G66" s="238">
        <v>0.41645595049181833</v>
      </c>
      <c r="H66" s="95">
        <v>0.11484976110536287</v>
      </c>
      <c r="I66" s="234">
        <v>65</v>
      </c>
      <c r="J66" s="238">
        <v>0.94022381992716941</v>
      </c>
      <c r="K66" s="95">
        <v>6.5907839370058105E-2</v>
      </c>
      <c r="L66" s="238">
        <v>5.1224387521687812E-3</v>
      </c>
      <c r="M66" s="95">
        <v>4.2647299393371751E-2</v>
      </c>
      <c r="N66" s="238">
        <v>5.4653741320661808E-2</v>
      </c>
      <c r="O66" s="95">
        <v>6.4185027690226895E-2</v>
      </c>
    </row>
    <row r="67" spans="1:15" ht="25.5">
      <c r="A67" s="46" t="s">
        <v>444</v>
      </c>
      <c r="B67" s="236">
        <v>112</v>
      </c>
      <c r="C67" s="239">
        <v>0.12691817250921053</v>
      </c>
      <c r="D67" s="98">
        <v>6.3104211987805026E-2</v>
      </c>
      <c r="E67" s="239">
        <v>7.2157277914507184E-2</v>
      </c>
      <c r="F67" s="98">
        <v>5.1264865147903189E-2</v>
      </c>
      <c r="G67" s="239">
        <v>0.80092454957628223</v>
      </c>
      <c r="H67" s="98">
        <v>7.4051451545552094E-2</v>
      </c>
      <c r="I67" s="236">
        <v>104</v>
      </c>
      <c r="J67" s="239">
        <v>0.64106545174223117</v>
      </c>
      <c r="K67" s="98">
        <v>9.0753635470459157E-2</v>
      </c>
      <c r="L67" s="239">
        <v>0.13980340567265045</v>
      </c>
      <c r="M67" s="98">
        <v>6.7920206050694806E-2</v>
      </c>
      <c r="N67" s="239">
        <v>0.21913114258511834</v>
      </c>
      <c r="O67" s="98">
        <v>7.9312975171390812E-2</v>
      </c>
    </row>
    <row r="68" spans="1:15" ht="14.25" customHeight="1">
      <c r="A68" s="320" t="s">
        <v>445</v>
      </c>
      <c r="B68" s="234">
        <v>236</v>
      </c>
      <c r="C68" s="238">
        <v>0.28808514161919796</v>
      </c>
      <c r="D68" s="95">
        <v>5.7503060395883196E-2</v>
      </c>
      <c r="E68" s="238">
        <v>0.20036615354204124</v>
      </c>
      <c r="F68" s="95">
        <v>5.1108558211208722E-2</v>
      </c>
      <c r="G68" s="238">
        <v>0.5115487048387608</v>
      </c>
      <c r="H68" s="95">
        <v>6.3242409701478805E-2</v>
      </c>
      <c r="I68" s="234">
        <v>227</v>
      </c>
      <c r="J68" s="238">
        <v>0.82562104390676061</v>
      </c>
      <c r="K68" s="95">
        <v>4.9546120783390844E-2</v>
      </c>
      <c r="L68" s="238">
        <v>7.8813565343962125E-2</v>
      </c>
      <c r="M68" s="95">
        <v>3.6175672524207746E-2</v>
      </c>
      <c r="N68" s="238">
        <v>9.5565390749277224E-2</v>
      </c>
      <c r="O68" s="95">
        <v>3.9125319960650259E-2</v>
      </c>
    </row>
    <row r="69" spans="1:15" ht="14.25" customHeight="1">
      <c r="A69" s="46" t="s">
        <v>446</v>
      </c>
      <c r="B69" s="236">
        <v>120</v>
      </c>
      <c r="C69" s="239">
        <v>0.33780478976439848</v>
      </c>
      <c r="D69" s="98">
        <v>8.3557634127218464E-2</v>
      </c>
      <c r="E69" s="239">
        <v>8.5732605017569588E-2</v>
      </c>
      <c r="F69" s="98">
        <v>5.2591151986714164E-2</v>
      </c>
      <c r="G69" s="239">
        <v>0.57646260521803194</v>
      </c>
      <c r="H69" s="98">
        <v>8.7037516615043095E-2</v>
      </c>
      <c r="I69" s="236">
        <v>119</v>
      </c>
      <c r="J69" s="239">
        <v>0.73608553116788911</v>
      </c>
      <c r="K69" s="98">
        <v>7.8604856525657976E-2</v>
      </c>
      <c r="L69" s="239">
        <v>0.12519183845617354</v>
      </c>
      <c r="M69" s="98">
        <v>6.0838149025810452E-2</v>
      </c>
      <c r="N69" s="239">
        <v>0.13872263037593735</v>
      </c>
      <c r="O69" s="98">
        <v>6.3185816666248826E-2</v>
      </c>
    </row>
    <row r="70" spans="1:15" ht="14.25" customHeight="1">
      <c r="A70" s="320" t="s">
        <v>447</v>
      </c>
      <c r="B70" s="234">
        <v>116</v>
      </c>
      <c r="C70" s="238">
        <v>0.21625763610314006</v>
      </c>
      <c r="D70" s="95">
        <v>7.4799133899066977E-2</v>
      </c>
      <c r="E70" s="238">
        <v>0.3659715458996215</v>
      </c>
      <c r="F70" s="95">
        <v>8.640577045590267E-2</v>
      </c>
      <c r="G70" s="238">
        <v>0.41777081799723847</v>
      </c>
      <c r="H70" s="95">
        <v>8.8323615613927181E-2</v>
      </c>
      <c r="I70" s="234">
        <v>108</v>
      </c>
      <c r="J70" s="238">
        <v>0.97469145227605414</v>
      </c>
      <c r="K70" s="95">
        <v>3.7260143943400346E-2</v>
      </c>
      <c r="L70" s="238">
        <v>1.5969626707476611E-3</v>
      </c>
      <c r="M70" s="95">
        <v>2.5542401803192866E-2</v>
      </c>
      <c r="N70" s="238">
        <v>2.3711585053198252E-2</v>
      </c>
      <c r="O70" s="95">
        <v>3.6604397921682914E-2</v>
      </c>
    </row>
    <row r="71" spans="1:15" ht="14.25" customHeight="1"/>
    <row r="72" spans="1:15" ht="14.25" customHeight="1"/>
    <row r="75" spans="1:15" ht="18.75">
      <c r="A75" s="327" t="s">
        <v>63</v>
      </c>
      <c r="B75" s="327"/>
      <c r="C75" s="327"/>
      <c r="D75" s="327"/>
    </row>
    <row r="76" spans="1:15" ht="105" customHeight="1">
      <c r="A76" s="360" t="s">
        <v>262</v>
      </c>
      <c r="B76" s="360"/>
      <c r="C76" s="360"/>
      <c r="D76" s="360"/>
    </row>
    <row r="77" spans="1:15" ht="35.25" customHeight="1">
      <c r="A77" s="329" t="s">
        <v>263</v>
      </c>
      <c r="B77" s="329"/>
      <c r="C77" s="329"/>
      <c r="D77" s="329"/>
    </row>
    <row r="78" spans="1:15" ht="39.75" customHeight="1">
      <c r="A78" s="34" t="s">
        <v>114</v>
      </c>
      <c r="B78" s="35" t="s">
        <v>115</v>
      </c>
      <c r="C78" s="36" t="s">
        <v>116</v>
      </c>
      <c r="D78" s="37" t="s">
        <v>117</v>
      </c>
    </row>
    <row r="79" spans="1:15" ht="72">
      <c r="A79" s="38"/>
      <c r="B79" s="39" t="s">
        <v>118</v>
      </c>
      <c r="C79" s="130" t="s">
        <v>247</v>
      </c>
      <c r="D79" s="41" t="s">
        <v>120</v>
      </c>
    </row>
    <row r="80" spans="1:15">
      <c r="A80" s="42" t="s">
        <v>442</v>
      </c>
      <c r="B80" s="240">
        <v>12378</v>
      </c>
      <c r="C80" s="241">
        <v>5.1060619216036631</v>
      </c>
      <c r="D80" s="242">
        <v>4.3740948353218734E-2</v>
      </c>
    </row>
    <row r="81" spans="1:22">
      <c r="A81" s="46" t="s">
        <v>443</v>
      </c>
      <c r="B81" s="243">
        <v>994</v>
      </c>
      <c r="C81" s="244">
        <v>4.7929270785054863</v>
      </c>
      <c r="D81" s="245">
        <v>0.16022051907105528</v>
      </c>
    </row>
    <row r="82" spans="1:22">
      <c r="A82" s="50" t="s">
        <v>434</v>
      </c>
      <c r="B82" s="80">
        <v>270</v>
      </c>
      <c r="C82" s="81">
        <v>5.1057476750532453</v>
      </c>
      <c r="D82" s="82">
        <v>0.30821526727359672</v>
      </c>
    </row>
    <row r="83" spans="1:22" ht="25.5">
      <c r="A83" s="46" t="s">
        <v>438</v>
      </c>
      <c r="B83" s="243">
        <v>58</v>
      </c>
      <c r="C83" s="244">
        <v>5.62102001104713</v>
      </c>
      <c r="D83" s="245">
        <v>0.42260237061698724</v>
      </c>
    </row>
    <row r="84" spans="1:22" ht="38.25">
      <c r="A84" s="54" t="s">
        <v>454</v>
      </c>
      <c r="B84" s="240">
        <v>68</v>
      </c>
      <c r="C84" s="241">
        <v>4.8381427682500577</v>
      </c>
      <c r="D84" s="242">
        <v>0.51226654865323962</v>
      </c>
    </row>
    <row r="85" spans="1:22" ht="25.5">
      <c r="A85" s="46" t="s">
        <v>444</v>
      </c>
      <c r="B85" s="243">
        <v>110</v>
      </c>
      <c r="C85" s="244">
        <v>5.0088341168847466</v>
      </c>
      <c r="D85" s="245">
        <v>0.42568019793547762</v>
      </c>
    </row>
    <row r="86" spans="1:22">
      <c r="A86" s="50" t="s">
        <v>445</v>
      </c>
      <c r="B86" s="80">
        <v>239</v>
      </c>
      <c r="C86" s="81">
        <v>4.0262680338395525</v>
      </c>
      <c r="D86" s="82">
        <v>0.33333752270443906</v>
      </c>
    </row>
    <row r="87" spans="1:22">
      <c r="A87" s="46" t="s">
        <v>446</v>
      </c>
      <c r="B87" s="243">
        <v>123</v>
      </c>
      <c r="C87" s="244">
        <v>3.999769860591051</v>
      </c>
      <c r="D87" s="245">
        <v>0.43045203102375051</v>
      </c>
    </row>
    <row r="88" spans="1:22">
      <c r="A88" s="54" t="s">
        <v>447</v>
      </c>
      <c r="B88" s="240">
        <v>116</v>
      </c>
      <c r="C88" s="241">
        <v>4.0670582814701906</v>
      </c>
      <c r="D88" s="242">
        <v>0.52036328052730862</v>
      </c>
    </row>
    <row r="89" spans="1:22" s="5" customFormat="1"/>
    <row r="94" spans="1:22" ht="18.75">
      <c r="A94" s="327" t="s">
        <v>64</v>
      </c>
      <c r="B94" s="327"/>
      <c r="C94" s="327"/>
      <c r="D94" s="327"/>
      <c r="E94" s="327"/>
      <c r="F94" s="327"/>
      <c r="G94" s="327"/>
      <c r="H94" s="327"/>
      <c r="I94" s="327"/>
      <c r="J94" s="327"/>
      <c r="K94" s="327"/>
      <c r="L94" s="327"/>
      <c r="M94" s="327"/>
      <c r="N94" s="327"/>
      <c r="O94" s="327"/>
      <c r="P94" s="327"/>
      <c r="Q94" s="327"/>
      <c r="R94" s="327"/>
      <c r="S94" s="327"/>
      <c r="T94" s="327"/>
      <c r="U94" s="327"/>
      <c r="V94" s="327"/>
    </row>
    <row r="95" spans="1:22" ht="64.5" customHeight="1">
      <c r="A95" s="360" t="s">
        <v>264</v>
      </c>
      <c r="B95" s="360"/>
      <c r="C95" s="360"/>
      <c r="D95" s="360"/>
      <c r="E95" s="360"/>
      <c r="F95" s="360"/>
      <c r="G95" s="360"/>
      <c r="H95" s="360"/>
      <c r="I95" s="360"/>
      <c r="J95" s="360"/>
      <c r="K95" s="360"/>
      <c r="L95" s="360"/>
      <c r="M95" s="360"/>
      <c r="N95" s="360"/>
      <c r="O95" s="360"/>
      <c r="P95" s="360"/>
      <c r="Q95" s="360"/>
      <c r="R95" s="360"/>
      <c r="S95" s="360"/>
      <c r="T95" s="360"/>
      <c r="U95" s="360"/>
      <c r="V95" s="360"/>
    </row>
    <row r="96" spans="1:22" ht="37.5" customHeight="1">
      <c r="A96" s="61"/>
      <c r="B96" s="347" t="s">
        <v>265</v>
      </c>
      <c r="C96" s="347"/>
      <c r="D96" s="347"/>
      <c r="E96" s="347"/>
      <c r="F96" s="347"/>
      <c r="G96" s="347"/>
      <c r="H96" s="347"/>
      <c r="I96" s="347" t="s">
        <v>266</v>
      </c>
      <c r="J96" s="347"/>
      <c r="K96" s="347"/>
      <c r="L96" s="347"/>
      <c r="M96" s="347"/>
      <c r="N96" s="347"/>
      <c r="O96" s="347"/>
      <c r="P96" s="347" t="s">
        <v>267</v>
      </c>
      <c r="Q96" s="347"/>
      <c r="R96" s="347"/>
      <c r="S96" s="347"/>
      <c r="T96" s="347"/>
      <c r="U96" s="347"/>
      <c r="V96" s="347"/>
    </row>
    <row r="97" spans="1:22" ht="39" customHeight="1">
      <c r="A97" s="34" t="s">
        <v>114</v>
      </c>
      <c r="B97" s="35" t="s">
        <v>115</v>
      </c>
      <c r="C97" s="35" t="s">
        <v>252</v>
      </c>
      <c r="D97" s="90" t="s">
        <v>253</v>
      </c>
      <c r="E97" s="35" t="s">
        <v>254</v>
      </c>
      <c r="F97" s="90" t="s">
        <v>255</v>
      </c>
      <c r="G97" s="35" t="s">
        <v>256</v>
      </c>
      <c r="H97" s="90" t="s">
        <v>195</v>
      </c>
      <c r="I97" s="62" t="s">
        <v>115</v>
      </c>
      <c r="J97" s="62" t="s">
        <v>252</v>
      </c>
      <c r="K97" s="89" t="s">
        <v>253</v>
      </c>
      <c r="L97" s="62" t="s">
        <v>254</v>
      </c>
      <c r="M97" s="89" t="s">
        <v>255</v>
      </c>
      <c r="N97" s="62" t="s">
        <v>256</v>
      </c>
      <c r="O97" s="89" t="s">
        <v>195</v>
      </c>
      <c r="P97" s="35" t="s">
        <v>115</v>
      </c>
      <c r="Q97" s="35" t="s">
        <v>252</v>
      </c>
      <c r="R97" s="90" t="s">
        <v>253</v>
      </c>
      <c r="S97" s="35" t="s">
        <v>254</v>
      </c>
      <c r="T97" s="90" t="s">
        <v>255</v>
      </c>
      <c r="U97" s="35" t="s">
        <v>256</v>
      </c>
      <c r="V97" s="90" t="s">
        <v>195</v>
      </c>
    </row>
    <row r="98" spans="1:22" ht="72">
      <c r="A98" s="38"/>
      <c r="B98" s="39" t="s">
        <v>118</v>
      </c>
      <c r="C98" s="39" t="s">
        <v>303</v>
      </c>
      <c r="D98" s="92" t="s">
        <v>148</v>
      </c>
      <c r="E98" s="39" t="s">
        <v>304</v>
      </c>
      <c r="F98" s="92" t="s">
        <v>148</v>
      </c>
      <c r="G98" s="39" t="s">
        <v>305</v>
      </c>
      <c r="H98" s="92" t="s">
        <v>148</v>
      </c>
      <c r="I98" s="65" t="s">
        <v>118</v>
      </c>
      <c r="J98" s="65" t="s">
        <v>303</v>
      </c>
      <c r="K98" s="91" t="s">
        <v>148</v>
      </c>
      <c r="L98" s="65" t="s">
        <v>304</v>
      </c>
      <c r="M98" s="91" t="s">
        <v>148</v>
      </c>
      <c r="N98" s="65" t="s">
        <v>305</v>
      </c>
      <c r="O98" s="91" t="s">
        <v>148</v>
      </c>
      <c r="P98" s="39" t="s">
        <v>118</v>
      </c>
      <c r="Q98" s="39" t="s">
        <v>303</v>
      </c>
      <c r="R98" s="92" t="s">
        <v>148</v>
      </c>
      <c r="S98" s="39" t="s">
        <v>304</v>
      </c>
      <c r="T98" s="92" t="s">
        <v>148</v>
      </c>
      <c r="U98" s="39" t="s">
        <v>305</v>
      </c>
      <c r="V98" s="92" t="s">
        <v>148</v>
      </c>
    </row>
    <row r="99" spans="1:22">
      <c r="A99" s="42" t="s">
        <v>442</v>
      </c>
      <c r="B99" s="240">
        <v>12689</v>
      </c>
      <c r="C99" s="246">
        <v>0.16639742880402802</v>
      </c>
      <c r="D99" s="95">
        <v>6.4809179384737675E-3</v>
      </c>
      <c r="E99" s="246">
        <v>9.4079898445222521E-2</v>
      </c>
      <c r="F99" s="95">
        <v>5.0819652068036358E-3</v>
      </c>
      <c r="G99" s="246">
        <v>0.73952267275074945</v>
      </c>
      <c r="H99" s="95">
        <v>7.6361665647597804E-3</v>
      </c>
      <c r="I99" s="240">
        <v>12698</v>
      </c>
      <c r="J99" s="246">
        <v>0.20814298722275115</v>
      </c>
      <c r="K99" s="95">
        <v>7.0614672771152969E-3</v>
      </c>
      <c r="L99" s="246">
        <v>0.14006257701595784</v>
      </c>
      <c r="M99" s="95">
        <v>6.0375610246607807E-3</v>
      </c>
      <c r="N99" s="246">
        <v>0.65179443576129104</v>
      </c>
      <c r="O99" s="95">
        <v>8.28527784489895E-3</v>
      </c>
      <c r="P99" s="240">
        <v>12750</v>
      </c>
      <c r="Q99" s="246">
        <v>0.21971028827070324</v>
      </c>
      <c r="R99" s="95">
        <v>7.1870125133836624E-3</v>
      </c>
      <c r="S99" s="246">
        <v>0.13822759173150623</v>
      </c>
      <c r="T99" s="95">
        <v>5.9920593314007524E-3</v>
      </c>
      <c r="U99" s="246">
        <v>0.6420621199977905</v>
      </c>
      <c r="V99" s="95">
        <v>8.320265384966467E-3</v>
      </c>
    </row>
    <row r="100" spans="1:22">
      <c r="A100" s="46" t="s">
        <v>443</v>
      </c>
      <c r="B100" s="243">
        <v>1008</v>
      </c>
      <c r="C100" s="247">
        <v>0.19557687814239541</v>
      </c>
      <c r="D100" s="98">
        <v>2.4494786573569679E-2</v>
      </c>
      <c r="E100" s="247">
        <v>0.10506244556922223</v>
      </c>
      <c r="F100" s="98">
        <v>1.9015575737996924E-2</v>
      </c>
      <c r="G100" s="247">
        <v>0.69936067628838239</v>
      </c>
      <c r="H100" s="98">
        <v>2.8272415577083983E-2</v>
      </c>
      <c r="I100" s="243">
        <v>1014</v>
      </c>
      <c r="J100" s="247">
        <v>0.23110221003316836</v>
      </c>
      <c r="K100" s="98">
        <v>2.5936445184295383E-2</v>
      </c>
      <c r="L100" s="247">
        <v>0.20971827549837427</v>
      </c>
      <c r="M100" s="98">
        <v>2.5058522508396974E-2</v>
      </c>
      <c r="N100" s="247">
        <v>0.55917951446845737</v>
      </c>
      <c r="O100" s="98">
        <v>3.0500916491267269E-2</v>
      </c>
      <c r="P100" s="243">
        <v>1009</v>
      </c>
      <c r="Q100" s="247">
        <v>0.28482286579878169</v>
      </c>
      <c r="R100" s="98">
        <v>2.7818535593892763E-2</v>
      </c>
      <c r="S100" s="247">
        <v>0.14014328210751523</v>
      </c>
      <c r="T100" s="98">
        <v>2.146752738418985E-2</v>
      </c>
      <c r="U100" s="247">
        <v>0.57503385209370306</v>
      </c>
      <c r="V100" s="98">
        <v>3.0444906936451247E-2</v>
      </c>
    </row>
    <row r="101" spans="1:22">
      <c r="A101" s="50" t="s">
        <v>434</v>
      </c>
      <c r="B101" s="51">
        <v>266</v>
      </c>
      <c r="C101" s="183">
        <v>0.14144369280116553</v>
      </c>
      <c r="D101" s="95">
        <v>4.2209314632531442E-2</v>
      </c>
      <c r="E101" s="183">
        <v>9.0234698677078604E-2</v>
      </c>
      <c r="F101" s="95">
        <v>3.5189260683246751E-2</v>
      </c>
      <c r="G101" s="183">
        <v>0.76832160852175591</v>
      </c>
      <c r="H101" s="95">
        <v>5.0623980938037244E-2</v>
      </c>
      <c r="I101" s="51">
        <v>271</v>
      </c>
      <c r="J101" s="183">
        <v>0.15049854276307878</v>
      </c>
      <c r="K101" s="95">
        <v>4.2839892139183502E-2</v>
      </c>
      <c r="L101" s="183">
        <v>0.1603679970131725</v>
      </c>
      <c r="M101" s="95">
        <v>4.3903575435410604E-2</v>
      </c>
      <c r="N101" s="183">
        <v>0.68913346022374866</v>
      </c>
      <c r="O101" s="95">
        <v>5.4836912786368541E-2</v>
      </c>
      <c r="P101" s="51">
        <v>270</v>
      </c>
      <c r="Q101" s="183">
        <v>0.25340350457124144</v>
      </c>
      <c r="R101" s="95">
        <v>5.1742054262555133E-2</v>
      </c>
      <c r="S101" s="183">
        <v>8.1460218519961602E-2</v>
      </c>
      <c r="T101" s="95">
        <v>3.3470244831459273E-2</v>
      </c>
      <c r="U101" s="183">
        <v>0.66513627690879695</v>
      </c>
      <c r="V101" s="95">
        <v>5.5980835418583598E-2</v>
      </c>
    </row>
    <row r="102" spans="1:22" ht="25.5">
      <c r="A102" s="46" t="s">
        <v>438</v>
      </c>
      <c r="B102" s="243">
        <v>56</v>
      </c>
      <c r="C102" s="247">
        <v>2.2549230173616389E-3</v>
      </c>
      <c r="D102" s="98">
        <v>4.6782098410000597E-2</v>
      </c>
      <c r="E102" s="247">
        <v>3.4805066252185761E-2</v>
      </c>
      <c r="F102" s="98">
        <v>6.2743497515186195E-2</v>
      </c>
      <c r="G102" s="247">
        <v>0.96294001073045266</v>
      </c>
      <c r="H102" s="98">
        <v>6.3666907290007735E-2</v>
      </c>
      <c r="I102" s="243">
        <v>58</v>
      </c>
      <c r="J102" s="247">
        <v>0.13589421358297432</v>
      </c>
      <c r="K102" s="98">
        <v>9.1113434528772533E-2</v>
      </c>
      <c r="L102" s="247">
        <v>0.14260167308343952</v>
      </c>
      <c r="M102" s="98">
        <v>9.2542280728026574E-2</v>
      </c>
      <c r="N102" s="247">
        <v>0.72150411333358622</v>
      </c>
      <c r="O102" s="98">
        <v>0.11326898551305525</v>
      </c>
      <c r="P102" s="243">
        <v>58</v>
      </c>
      <c r="Q102" s="247">
        <v>6.8395599837432333E-2</v>
      </c>
      <c r="R102" s="98">
        <v>7.3411939565389397E-2</v>
      </c>
      <c r="S102" s="247">
        <v>0.11961326708553199</v>
      </c>
      <c r="T102" s="98">
        <v>8.7432283727453819E-2</v>
      </c>
      <c r="U102" s="247">
        <v>0.81199113307703563</v>
      </c>
      <c r="V102" s="98">
        <v>0.10105554507301719</v>
      </c>
    </row>
    <row r="103" spans="1:22" ht="38.25">
      <c r="A103" s="54" t="s">
        <v>454</v>
      </c>
      <c r="B103" s="240">
        <v>67</v>
      </c>
      <c r="C103" s="246">
        <v>0.18565073214333616</v>
      </c>
      <c r="D103" s="95">
        <v>9.3624854434276317E-2</v>
      </c>
      <c r="E103" s="246">
        <v>0.11898782339372087</v>
      </c>
      <c r="F103" s="95">
        <v>8.0821630376447531E-2</v>
      </c>
      <c r="G103" s="246">
        <v>0.69536144446294301</v>
      </c>
      <c r="H103" s="95">
        <v>0.1081102856729996</v>
      </c>
      <c r="I103" s="240">
        <v>68</v>
      </c>
      <c r="J103" s="246">
        <v>0.27061192302932791</v>
      </c>
      <c r="K103" s="95">
        <v>0.1040896690360493</v>
      </c>
      <c r="L103" s="246">
        <v>0.13199443796761215</v>
      </c>
      <c r="M103" s="95">
        <v>8.3027808445685455E-2</v>
      </c>
      <c r="N103" s="246">
        <v>0.59739363900305997</v>
      </c>
      <c r="O103" s="95">
        <v>0.11352292945800146</v>
      </c>
      <c r="P103" s="240">
        <v>68</v>
      </c>
      <c r="Q103" s="246">
        <v>0.21215180067565442</v>
      </c>
      <c r="R103" s="95">
        <v>9.6930860238321384E-2</v>
      </c>
      <c r="S103" s="246">
        <v>0.25307595963915125</v>
      </c>
      <c r="T103" s="95">
        <v>0.10216234140141538</v>
      </c>
      <c r="U103" s="246">
        <v>0.53477223968519427</v>
      </c>
      <c r="V103" s="95">
        <v>0.11524471868854329</v>
      </c>
    </row>
    <row r="104" spans="1:22" ht="25.5">
      <c r="A104" s="46" t="s">
        <v>444</v>
      </c>
      <c r="B104" s="243">
        <v>109</v>
      </c>
      <c r="C104" s="247">
        <v>0.16657044750739658</v>
      </c>
      <c r="D104" s="98">
        <v>7.0586071274072723E-2</v>
      </c>
      <c r="E104" s="247">
        <v>0.10839296160662502</v>
      </c>
      <c r="F104" s="98">
        <v>6.0399673049810046E-2</v>
      </c>
      <c r="G104" s="247">
        <v>0.72503659088597838</v>
      </c>
      <c r="H104" s="98">
        <v>8.3049458222365743E-2</v>
      </c>
      <c r="I104" s="243">
        <v>110</v>
      </c>
      <c r="J104" s="247">
        <v>0.13521438163416988</v>
      </c>
      <c r="K104" s="98">
        <v>6.5188520344722625E-2</v>
      </c>
      <c r="L104" s="247">
        <v>0.1703736572835878</v>
      </c>
      <c r="M104" s="98">
        <v>7.0820640481398009E-2</v>
      </c>
      <c r="N104" s="247">
        <v>0.69441196108224235</v>
      </c>
      <c r="O104" s="98">
        <v>8.5080630510089225E-2</v>
      </c>
      <c r="P104" s="243">
        <v>110</v>
      </c>
      <c r="Q104" s="247">
        <v>0.31362263792223094</v>
      </c>
      <c r="R104" s="98">
        <v>8.5642892292253248E-2</v>
      </c>
      <c r="S104" s="247">
        <v>4.5403030017045765E-2</v>
      </c>
      <c r="T104" s="98">
        <v>4.4052985375454885E-2</v>
      </c>
      <c r="U104" s="247">
        <v>0.6409743320607233</v>
      </c>
      <c r="V104" s="98">
        <v>8.8323401342610505E-2</v>
      </c>
    </row>
    <row r="105" spans="1:22">
      <c r="A105" s="54" t="s">
        <v>445</v>
      </c>
      <c r="B105" s="240">
        <v>239</v>
      </c>
      <c r="C105" s="246">
        <v>0.42582101139386086</v>
      </c>
      <c r="D105" s="95">
        <v>6.2194163640033308E-2</v>
      </c>
      <c r="E105" s="246">
        <v>0.14952140129208497</v>
      </c>
      <c r="F105" s="95">
        <v>4.5538547884464167E-2</v>
      </c>
      <c r="G105" s="246">
        <v>0.42465758731405417</v>
      </c>
      <c r="H105" s="95">
        <v>6.2172772910628296E-2</v>
      </c>
      <c r="I105" s="240">
        <v>237</v>
      </c>
      <c r="J105" s="246">
        <v>0.33227050789541451</v>
      </c>
      <c r="K105" s="95">
        <v>5.9593414688234855E-2</v>
      </c>
      <c r="L105" s="246">
        <v>0.30560065614784482</v>
      </c>
      <c r="M105" s="95">
        <v>5.8330895249351457E-2</v>
      </c>
      <c r="N105" s="246">
        <v>0.36212883595674067</v>
      </c>
      <c r="O105" s="95">
        <v>6.076213703130786E-2</v>
      </c>
      <c r="P105" s="240">
        <v>235</v>
      </c>
      <c r="Q105" s="246">
        <v>0.37777461941773832</v>
      </c>
      <c r="R105" s="95">
        <v>6.1532557395035908E-2</v>
      </c>
      <c r="S105" s="246">
        <v>0.24100895300935971</v>
      </c>
      <c r="T105" s="95">
        <v>5.455305499675351E-2</v>
      </c>
      <c r="U105" s="246">
        <v>0.38121642757290197</v>
      </c>
      <c r="V105" s="95">
        <v>6.1637214775825344E-2</v>
      </c>
    </row>
    <row r="106" spans="1:22">
      <c r="A106" s="46" t="s">
        <v>446</v>
      </c>
      <c r="B106" s="243">
        <v>123</v>
      </c>
      <c r="C106" s="247">
        <v>0.43667469945598075</v>
      </c>
      <c r="D106" s="98">
        <v>8.6304257014072572E-2</v>
      </c>
      <c r="E106" s="247">
        <v>0.16293775462188512</v>
      </c>
      <c r="F106" s="98">
        <v>6.5868633737316662E-2</v>
      </c>
      <c r="G106" s="247">
        <v>0.40038754592213416</v>
      </c>
      <c r="H106" s="98">
        <v>8.5326817457345383E-2</v>
      </c>
      <c r="I106" s="243">
        <v>124</v>
      </c>
      <c r="J106" s="247">
        <v>0.30398513386739223</v>
      </c>
      <c r="K106" s="98">
        <v>8.0130735241711507E-2</v>
      </c>
      <c r="L106" s="247">
        <v>0.30393703790107723</v>
      </c>
      <c r="M106" s="98">
        <v>8.0127420983042916E-2</v>
      </c>
      <c r="N106" s="247">
        <v>0.39207782823153059</v>
      </c>
      <c r="O106" s="98">
        <v>8.4705783609976867E-2</v>
      </c>
      <c r="P106" s="243">
        <v>120</v>
      </c>
      <c r="Q106" s="247">
        <v>0.38604403874066556</v>
      </c>
      <c r="R106" s="98">
        <v>8.5839296964884321E-2</v>
      </c>
      <c r="S106" s="247">
        <v>0.27696785143751174</v>
      </c>
      <c r="T106" s="98">
        <v>7.9384516681015968E-2</v>
      </c>
      <c r="U106" s="247">
        <v>0.3369881098218227</v>
      </c>
      <c r="V106" s="98">
        <v>8.3511510310310538E-2</v>
      </c>
    </row>
    <row r="107" spans="1:22">
      <c r="A107" s="54" t="s">
        <v>447</v>
      </c>
      <c r="B107" s="240">
        <v>116</v>
      </c>
      <c r="C107" s="246">
        <v>0.40911327008627552</v>
      </c>
      <c r="D107" s="95">
        <v>8.8069439466780863E-2</v>
      </c>
      <c r="E107" s="246">
        <v>0.12886879367681864</v>
      </c>
      <c r="F107" s="95">
        <v>6.231319120374687E-2</v>
      </c>
      <c r="G107" s="246">
        <v>0.46201793623690585</v>
      </c>
      <c r="H107" s="95">
        <v>8.921982572258326E-2</v>
      </c>
      <c r="I107" s="240">
        <v>113</v>
      </c>
      <c r="J107" s="246">
        <v>0.37599805751019783</v>
      </c>
      <c r="K107" s="95">
        <v>8.7963651168516024E-2</v>
      </c>
      <c r="L107" s="246">
        <v>0.30817251358036518</v>
      </c>
      <c r="M107" s="95">
        <v>8.4151786270381584E-2</v>
      </c>
      <c r="N107" s="246">
        <v>0.31582942890943699</v>
      </c>
      <c r="O107" s="95">
        <v>8.4674076513053337E-2</v>
      </c>
      <c r="P107" s="240">
        <v>115</v>
      </c>
      <c r="Q107" s="246">
        <v>0.36484637405032916</v>
      </c>
      <c r="R107" s="95">
        <v>8.6717236013022822E-2</v>
      </c>
      <c r="S107" s="246">
        <v>0.18479152783514194</v>
      </c>
      <c r="T107" s="95">
        <v>7.1239974041098872E-2</v>
      </c>
      <c r="U107" s="246">
        <v>0.45036209811452887</v>
      </c>
      <c r="V107" s="95">
        <v>8.9422058204277038E-2</v>
      </c>
    </row>
    <row r="108" spans="1:22" s="5" customFormat="1"/>
    <row r="113" spans="1:4" ht="18.75">
      <c r="A113" s="327" t="s">
        <v>65</v>
      </c>
      <c r="B113" s="327"/>
      <c r="C113" s="327"/>
      <c r="D113" s="327"/>
    </row>
    <row r="114" spans="1:4" ht="100.5" customHeight="1">
      <c r="A114" s="360" t="s">
        <v>408</v>
      </c>
      <c r="B114" s="360"/>
      <c r="C114" s="360"/>
      <c r="D114" s="360"/>
    </row>
    <row r="115" spans="1:4" ht="38.25" customHeight="1">
      <c r="A115" s="329" t="s">
        <v>268</v>
      </c>
      <c r="B115" s="329"/>
      <c r="C115" s="329"/>
      <c r="D115" s="329"/>
    </row>
    <row r="116" spans="1:4" ht="38.25" customHeight="1">
      <c r="A116" s="34" t="s">
        <v>114</v>
      </c>
      <c r="B116" s="35" t="s">
        <v>115</v>
      </c>
      <c r="C116" s="36" t="s">
        <v>116</v>
      </c>
      <c r="D116" s="37" t="s">
        <v>117</v>
      </c>
    </row>
    <row r="117" spans="1:4" ht="72">
      <c r="A117" s="38"/>
      <c r="B117" s="39" t="s">
        <v>118</v>
      </c>
      <c r="C117" s="130" t="s">
        <v>247</v>
      </c>
      <c r="D117" s="41" t="s">
        <v>120</v>
      </c>
    </row>
    <row r="118" spans="1:4">
      <c r="A118" s="42" t="s">
        <v>442</v>
      </c>
      <c r="B118" s="248">
        <v>12891</v>
      </c>
      <c r="C118" s="249">
        <v>3.1167761292517424</v>
      </c>
      <c r="D118" s="250">
        <v>0.71203566981940725</v>
      </c>
    </row>
    <row r="119" spans="1:4">
      <c r="A119" s="46" t="s">
        <v>443</v>
      </c>
      <c r="B119" s="251">
        <v>1008</v>
      </c>
      <c r="C119" s="252">
        <v>2.8704012968505159</v>
      </c>
      <c r="D119" s="253">
        <v>2.200920606464694</v>
      </c>
    </row>
    <row r="120" spans="1:4">
      <c r="A120" s="50" t="s">
        <v>434</v>
      </c>
      <c r="B120" s="80">
        <v>251</v>
      </c>
      <c r="C120" s="81">
        <v>5.116887069418703</v>
      </c>
      <c r="D120" s="82">
        <v>0.35122668751000408</v>
      </c>
    </row>
    <row r="121" spans="1:4" ht="25.5">
      <c r="A121" s="46" t="s">
        <v>438</v>
      </c>
      <c r="B121" s="251">
        <v>50</v>
      </c>
      <c r="C121" s="252">
        <v>5.6297692792212546</v>
      </c>
      <c r="D121" s="253">
        <v>0.67404242403506576</v>
      </c>
    </row>
    <row r="122" spans="1:4" ht="38.25">
      <c r="A122" s="54" t="s">
        <v>454</v>
      </c>
      <c r="B122" s="248">
        <v>65</v>
      </c>
      <c r="C122" s="249">
        <v>4.0514207127682562</v>
      </c>
      <c r="D122" s="250">
        <v>0.59129784225991644</v>
      </c>
    </row>
    <row r="123" spans="1:4" ht="25.5">
      <c r="A123" s="46" t="s">
        <v>444</v>
      </c>
      <c r="B123" s="251">
        <v>103</v>
      </c>
      <c r="C123" s="252">
        <v>5.1005338716498372</v>
      </c>
      <c r="D123" s="253">
        <v>0.45429869527682865</v>
      </c>
    </row>
    <row r="124" spans="1:4">
      <c r="A124" s="54" t="s">
        <v>445</v>
      </c>
      <c r="B124" s="248">
        <v>222</v>
      </c>
      <c r="C124" s="249">
        <v>4.2266847861079277</v>
      </c>
      <c r="D124" s="250">
        <v>0.31554462197529221</v>
      </c>
    </row>
    <row r="125" spans="1:4">
      <c r="A125" s="46" t="s">
        <v>446</v>
      </c>
      <c r="B125" s="251">
        <v>113</v>
      </c>
      <c r="C125" s="252">
        <v>4.3756681456120265</v>
      </c>
      <c r="D125" s="253">
        <v>0.42970981473225622</v>
      </c>
    </row>
    <row r="126" spans="1:4">
      <c r="A126" s="54" t="s">
        <v>447</v>
      </c>
      <c r="B126" s="248">
        <v>109</v>
      </c>
      <c r="C126" s="249">
        <v>3.9868034676772517</v>
      </c>
      <c r="D126" s="250">
        <v>0.48795525633327363</v>
      </c>
    </row>
    <row r="127" spans="1:4" s="5" customFormat="1"/>
    <row r="132" spans="1:15" ht="18.75">
      <c r="A132" s="327" t="s">
        <v>66</v>
      </c>
      <c r="B132" s="327"/>
      <c r="C132" s="327"/>
      <c r="D132" s="327"/>
      <c r="E132" s="327"/>
      <c r="F132" s="327"/>
      <c r="G132" s="327"/>
      <c r="H132" s="327"/>
      <c r="I132" s="327"/>
      <c r="J132" s="327"/>
      <c r="K132" s="327"/>
      <c r="L132" s="327"/>
      <c r="M132" s="327"/>
      <c r="N132" s="327"/>
      <c r="O132" s="327"/>
    </row>
    <row r="133" spans="1:15" ht="51" customHeight="1">
      <c r="A133" s="358" t="s">
        <v>409</v>
      </c>
      <c r="B133" s="358"/>
      <c r="C133" s="358"/>
      <c r="D133" s="358"/>
      <c r="E133" s="358"/>
      <c r="F133" s="358"/>
      <c r="G133" s="358"/>
      <c r="H133" s="358"/>
      <c r="I133" s="358"/>
      <c r="J133" s="358"/>
      <c r="K133" s="358"/>
      <c r="L133" s="358"/>
      <c r="M133" s="358"/>
      <c r="N133" s="358"/>
      <c r="O133" s="358"/>
    </row>
    <row r="134" spans="1:15" ht="36" customHeight="1">
      <c r="A134" s="61"/>
      <c r="B134" s="347" t="s">
        <v>269</v>
      </c>
      <c r="C134" s="347"/>
      <c r="D134" s="347"/>
      <c r="E134" s="347"/>
      <c r="F134" s="347"/>
      <c r="G134" s="347"/>
      <c r="H134" s="347"/>
      <c r="I134" s="347" t="s">
        <v>270</v>
      </c>
      <c r="J134" s="347"/>
      <c r="K134" s="347"/>
      <c r="L134" s="347"/>
      <c r="M134" s="347"/>
      <c r="N134" s="347"/>
      <c r="O134" s="347"/>
    </row>
    <row r="135" spans="1:15" ht="39.75" customHeight="1">
      <c r="A135" s="34" t="s">
        <v>114</v>
      </c>
      <c r="B135" s="35" t="s">
        <v>115</v>
      </c>
      <c r="C135" s="35" t="s">
        <v>252</v>
      </c>
      <c r="D135" s="90" t="s">
        <v>253</v>
      </c>
      <c r="E135" s="35" t="s">
        <v>254</v>
      </c>
      <c r="F135" s="90" t="s">
        <v>255</v>
      </c>
      <c r="G135" s="35" t="s">
        <v>256</v>
      </c>
      <c r="H135" s="90" t="s">
        <v>195</v>
      </c>
      <c r="I135" s="62" t="s">
        <v>115</v>
      </c>
      <c r="J135" s="62" t="s">
        <v>252</v>
      </c>
      <c r="K135" s="89" t="s">
        <v>253</v>
      </c>
      <c r="L135" s="62" t="s">
        <v>254</v>
      </c>
      <c r="M135" s="89" t="s">
        <v>255</v>
      </c>
      <c r="N135" s="62" t="s">
        <v>256</v>
      </c>
      <c r="O135" s="89" t="s">
        <v>195</v>
      </c>
    </row>
    <row r="136" spans="1:15" ht="72">
      <c r="A136" s="38"/>
      <c r="B136" s="39" t="s">
        <v>118</v>
      </c>
      <c r="C136" s="39" t="s">
        <v>303</v>
      </c>
      <c r="D136" s="92" t="s">
        <v>148</v>
      </c>
      <c r="E136" s="39" t="s">
        <v>304</v>
      </c>
      <c r="F136" s="92" t="s">
        <v>148</v>
      </c>
      <c r="G136" s="39" t="s">
        <v>305</v>
      </c>
      <c r="H136" s="92" t="s">
        <v>148</v>
      </c>
      <c r="I136" s="65" t="s">
        <v>118</v>
      </c>
      <c r="J136" s="65" t="s">
        <v>303</v>
      </c>
      <c r="K136" s="91" t="s">
        <v>148</v>
      </c>
      <c r="L136" s="65" t="s">
        <v>304</v>
      </c>
      <c r="M136" s="91" t="s">
        <v>148</v>
      </c>
      <c r="N136" s="65" t="s">
        <v>305</v>
      </c>
      <c r="O136" s="91" t="s">
        <v>148</v>
      </c>
    </row>
    <row r="137" spans="1:15">
      <c r="A137" s="42" t="s">
        <v>442</v>
      </c>
      <c r="B137" s="248">
        <v>12672</v>
      </c>
      <c r="C137" s="254">
        <v>0.1573109028314873</v>
      </c>
      <c r="D137" s="95">
        <v>6.340148166357383E-3</v>
      </c>
      <c r="E137" s="254">
        <v>9.6135944421366581E-2</v>
      </c>
      <c r="F137" s="95">
        <v>5.1347164131776216E-3</v>
      </c>
      <c r="G137" s="254">
        <v>0.74655315274714618</v>
      </c>
      <c r="H137" s="95">
        <v>7.5732586032777448E-3</v>
      </c>
      <c r="I137" s="248">
        <v>12088</v>
      </c>
      <c r="J137" s="254">
        <v>0.20537399281947191</v>
      </c>
      <c r="K137" s="95">
        <v>7.2017410578803509E-3</v>
      </c>
      <c r="L137" s="254">
        <v>0.12623884649899059</v>
      </c>
      <c r="M137" s="95">
        <v>5.9221815845212113E-3</v>
      </c>
      <c r="N137" s="254">
        <v>0.66838716068153747</v>
      </c>
      <c r="O137" s="95">
        <v>8.3917994134531521E-3</v>
      </c>
    </row>
    <row r="138" spans="1:15">
      <c r="A138" s="46" t="s">
        <v>443</v>
      </c>
      <c r="B138" s="251">
        <v>1007</v>
      </c>
      <c r="C138" s="255">
        <v>0.15827927607936787</v>
      </c>
      <c r="D138" s="98">
        <v>2.2577426574318538E-2</v>
      </c>
      <c r="E138" s="255">
        <v>8.6253913001243437E-2</v>
      </c>
      <c r="F138" s="98">
        <v>1.745323043521909E-2</v>
      </c>
      <c r="G138" s="255">
        <v>0.75546681091938872</v>
      </c>
      <c r="H138" s="98">
        <v>2.6531516737762467E-2</v>
      </c>
      <c r="I138" s="251">
        <v>946</v>
      </c>
      <c r="J138" s="255">
        <v>0.29519901735746679</v>
      </c>
      <c r="K138" s="98">
        <v>2.9030367010716641E-2</v>
      </c>
      <c r="L138" s="255">
        <v>0.13072463962484449</v>
      </c>
      <c r="M138" s="98">
        <v>2.1544203699225668E-2</v>
      </c>
      <c r="N138" s="255">
        <v>0.57407634301768873</v>
      </c>
      <c r="O138" s="98">
        <v>3.1447485264482246E-2</v>
      </c>
    </row>
    <row r="139" spans="1:15">
      <c r="A139" s="50" t="s">
        <v>434</v>
      </c>
      <c r="B139" s="51">
        <v>269</v>
      </c>
      <c r="C139" s="183">
        <v>0.20474926375908789</v>
      </c>
      <c r="D139" s="95">
        <v>4.8238485869496424E-2</v>
      </c>
      <c r="E139" s="183">
        <v>5.1457756376256249E-2</v>
      </c>
      <c r="F139" s="95">
        <v>2.773440673170699E-2</v>
      </c>
      <c r="G139" s="183">
        <v>0.74379297986465587</v>
      </c>
      <c r="H139" s="95">
        <v>5.2018462495706304E-2</v>
      </c>
      <c r="I139" s="51">
        <v>256</v>
      </c>
      <c r="J139" s="183">
        <v>0.3067773753347639</v>
      </c>
      <c r="K139" s="95">
        <v>5.6205429978512855E-2</v>
      </c>
      <c r="L139" s="183">
        <v>0.13380910664613241</v>
      </c>
      <c r="M139" s="95">
        <v>4.2107293996895209E-2</v>
      </c>
      <c r="N139" s="183">
        <v>0.55941351801910366</v>
      </c>
      <c r="O139" s="95">
        <v>6.0359605868627701E-2</v>
      </c>
    </row>
    <row r="140" spans="1:15" ht="25.5">
      <c r="A140" s="46" t="s">
        <v>438</v>
      </c>
      <c r="B140" s="251">
        <v>56</v>
      </c>
      <c r="C140" s="255">
        <v>6.3359395003630928E-2</v>
      </c>
      <c r="D140" s="98">
        <v>7.330080990424212E-2</v>
      </c>
      <c r="E140" s="255">
        <v>0.16265274723976336</v>
      </c>
      <c r="F140" s="98">
        <v>9.8282093712735386E-2</v>
      </c>
      <c r="G140" s="255">
        <v>0.77398785775660572</v>
      </c>
      <c r="H140" s="98">
        <v>0.10871855118898416</v>
      </c>
      <c r="I140" s="251">
        <v>51</v>
      </c>
      <c r="J140" s="255">
        <v>0.13797172057165399</v>
      </c>
      <c r="K140" s="98">
        <v>9.7930917709174392E-2</v>
      </c>
      <c r="L140" s="255">
        <v>8.6326911691570751E-2</v>
      </c>
      <c r="M140" s="98">
        <v>8.4761546988261105E-2</v>
      </c>
      <c r="N140" s="255">
        <v>0.77570136773677523</v>
      </c>
      <c r="O140" s="98">
        <v>0.11356409011736023</v>
      </c>
    </row>
    <row r="141" spans="1:15" ht="38.25">
      <c r="A141" s="54" t="s">
        <v>454</v>
      </c>
      <c r="B141" s="248">
        <v>68</v>
      </c>
      <c r="C141" s="254">
        <v>0.42436093892076004</v>
      </c>
      <c r="D141" s="95">
        <v>0.11430924393593211</v>
      </c>
      <c r="E141" s="254">
        <v>3.4517432014877329E-2</v>
      </c>
      <c r="F141" s="95">
        <v>5.5017942063071444E-2</v>
      </c>
      <c r="G141" s="254">
        <v>0.54112162906436256</v>
      </c>
      <c r="H141" s="95">
        <v>0.11514517638081034</v>
      </c>
      <c r="I141" s="248">
        <v>66</v>
      </c>
      <c r="J141" s="254">
        <v>0.46888527876599573</v>
      </c>
      <c r="K141" s="95">
        <v>0.11693061125809061</v>
      </c>
      <c r="L141" s="254">
        <v>0.26314578248124199</v>
      </c>
      <c r="M141" s="95">
        <v>0.10480000937780069</v>
      </c>
      <c r="N141" s="254">
        <v>0.26796893875276234</v>
      </c>
      <c r="O141" s="95">
        <v>0.10532508988164008</v>
      </c>
    </row>
    <row r="142" spans="1:15" ht="25.5">
      <c r="A142" s="46" t="s">
        <v>444</v>
      </c>
      <c r="B142" s="251">
        <v>111</v>
      </c>
      <c r="C142" s="255">
        <v>0.22180261405185897</v>
      </c>
      <c r="D142" s="98">
        <v>7.7088722546827429E-2</v>
      </c>
      <c r="E142" s="255">
        <v>1.7830667675015101E-2</v>
      </c>
      <c r="F142" s="98">
        <v>3.3404854724201224E-2</v>
      </c>
      <c r="G142" s="255">
        <v>0.76036671827312596</v>
      </c>
      <c r="H142" s="98">
        <v>7.9003369424217595E-2</v>
      </c>
      <c r="I142" s="251">
        <v>105</v>
      </c>
      <c r="J142" s="255">
        <v>0.3300963868150073</v>
      </c>
      <c r="K142" s="98">
        <v>8.8695617034623614E-2</v>
      </c>
      <c r="L142" s="255">
        <v>0.13382068301210759</v>
      </c>
      <c r="M142" s="98">
        <v>6.6526037242121694E-2</v>
      </c>
      <c r="N142" s="255">
        <v>0.53608293017288511</v>
      </c>
      <c r="O142" s="98">
        <v>9.363988612604203E-2</v>
      </c>
    </row>
    <row r="143" spans="1:15">
      <c r="A143" s="54" t="s">
        <v>445</v>
      </c>
      <c r="B143" s="248">
        <v>236</v>
      </c>
      <c r="C143" s="254">
        <v>0.25895066810926021</v>
      </c>
      <c r="D143" s="95">
        <v>5.5698712662896541E-2</v>
      </c>
      <c r="E143" s="254">
        <v>0.1089223371360559</v>
      </c>
      <c r="F143" s="95">
        <v>4.0428976374988129E-2</v>
      </c>
      <c r="G143" s="254">
        <v>0.63212699475468392</v>
      </c>
      <c r="H143" s="95">
        <v>6.108573112168747E-2</v>
      </c>
      <c r="I143" s="248">
        <v>225</v>
      </c>
      <c r="J143" s="254">
        <v>0.57762003692431463</v>
      </c>
      <c r="K143" s="95">
        <v>6.4002468603056722E-2</v>
      </c>
      <c r="L143" s="254">
        <v>0.18404046443805736</v>
      </c>
      <c r="M143" s="95">
        <v>5.0765842127183436E-2</v>
      </c>
      <c r="N143" s="254">
        <v>0.23833949863762804</v>
      </c>
      <c r="O143" s="95">
        <v>5.5543695921219674E-2</v>
      </c>
    </row>
    <row r="144" spans="1:15">
      <c r="A144" s="46" t="s">
        <v>446</v>
      </c>
      <c r="B144" s="251">
        <v>122</v>
      </c>
      <c r="C144" s="255">
        <v>0.22422777257410878</v>
      </c>
      <c r="D144" s="98">
        <v>7.3813372924445772E-2</v>
      </c>
      <c r="E144" s="255">
        <v>0.12422119988420414</v>
      </c>
      <c r="F144" s="98">
        <v>5.9882470823656678E-2</v>
      </c>
      <c r="G144" s="255">
        <v>0.65155102754168703</v>
      </c>
      <c r="H144" s="98">
        <v>8.3460873296963708E-2</v>
      </c>
      <c r="I144" s="251">
        <v>114</v>
      </c>
      <c r="J144" s="255">
        <v>0.58034619836833246</v>
      </c>
      <c r="K144" s="98">
        <v>8.9122527125850337E-2</v>
      </c>
      <c r="L144" s="255">
        <v>0.22466230235113713</v>
      </c>
      <c r="M144" s="98">
        <v>7.6389675249609212E-2</v>
      </c>
      <c r="N144" s="255">
        <v>0.19499149928053042</v>
      </c>
      <c r="O144" s="98">
        <v>7.2884517756034245E-2</v>
      </c>
    </row>
    <row r="145" spans="1:15">
      <c r="A145" s="54" t="s">
        <v>447</v>
      </c>
      <c r="B145" s="248">
        <v>114</v>
      </c>
      <c r="C145" s="254">
        <v>0.31177611771672098</v>
      </c>
      <c r="D145" s="95">
        <v>8.4038414917974619E-2</v>
      </c>
      <c r="E145" s="254">
        <v>8.5647512536948925E-2</v>
      </c>
      <c r="F145" s="95">
        <v>5.4055938296119765E-2</v>
      </c>
      <c r="G145" s="254">
        <v>0.60257636974633011</v>
      </c>
      <c r="H145" s="95">
        <v>8.8426594179682974E-2</v>
      </c>
      <c r="I145" s="248">
        <v>111</v>
      </c>
      <c r="J145" s="254">
        <v>0.57324441168643092</v>
      </c>
      <c r="K145" s="95">
        <v>9.0467363795898481E-2</v>
      </c>
      <c r="L145" s="254">
        <v>0.11884038629458242</v>
      </c>
      <c r="M145" s="95">
        <v>6.1885766305099454E-2</v>
      </c>
      <c r="N145" s="254">
        <v>0.30791520201898664</v>
      </c>
      <c r="O145" s="95">
        <v>8.4870589880147104E-2</v>
      </c>
    </row>
    <row r="146" spans="1:15" s="5" customFormat="1"/>
    <row r="151" spans="1:15" ht="18.75">
      <c r="A151" s="327" t="s">
        <v>67</v>
      </c>
      <c r="B151" s="327"/>
      <c r="C151" s="327"/>
      <c r="D151" s="327"/>
    </row>
    <row r="152" spans="1:15" ht="118.5" customHeight="1">
      <c r="A152" s="360" t="s">
        <v>410</v>
      </c>
      <c r="B152" s="360"/>
      <c r="C152" s="360"/>
      <c r="D152" s="360"/>
    </row>
    <row r="153" spans="1:15" ht="31.5" customHeight="1">
      <c r="A153" s="329" t="s">
        <v>271</v>
      </c>
      <c r="B153" s="329"/>
      <c r="C153" s="329"/>
      <c r="D153" s="329"/>
    </row>
    <row r="154" spans="1:15" ht="42" customHeight="1">
      <c r="A154" s="34" t="s">
        <v>114</v>
      </c>
      <c r="B154" s="35" t="s">
        <v>115</v>
      </c>
      <c r="C154" s="36" t="s">
        <v>116</v>
      </c>
      <c r="D154" s="37" t="s">
        <v>117</v>
      </c>
    </row>
    <row r="155" spans="1:15" ht="72">
      <c r="A155" s="38"/>
      <c r="B155" s="39" t="s">
        <v>118</v>
      </c>
      <c r="C155" s="130" t="s">
        <v>247</v>
      </c>
      <c r="D155" s="41" t="s">
        <v>120</v>
      </c>
    </row>
    <row r="156" spans="1:15">
      <c r="A156" s="42" t="s">
        <v>442</v>
      </c>
      <c r="B156" s="256">
        <v>12078</v>
      </c>
      <c r="C156" s="257">
        <v>4.1926140888622649</v>
      </c>
      <c r="D156" s="258">
        <v>4.9076500843944437E-2</v>
      </c>
    </row>
    <row r="157" spans="1:15">
      <c r="A157" s="46" t="s">
        <v>443</v>
      </c>
      <c r="B157" s="259">
        <v>984</v>
      </c>
      <c r="C157" s="260">
        <v>4.2945686262649518</v>
      </c>
      <c r="D157" s="261">
        <v>0.180455489095948</v>
      </c>
    </row>
    <row r="158" spans="1:15">
      <c r="A158" s="50" t="s">
        <v>434</v>
      </c>
      <c r="B158" s="80">
        <v>270</v>
      </c>
      <c r="C158" s="81">
        <v>4.4099431236760864</v>
      </c>
      <c r="D158" s="82">
        <v>0.33350576489185091</v>
      </c>
    </row>
    <row r="159" spans="1:15" ht="25.5">
      <c r="A159" s="46" t="s">
        <v>438</v>
      </c>
      <c r="B159" s="259">
        <v>58</v>
      </c>
      <c r="C159" s="260">
        <v>4.4617525364037158</v>
      </c>
      <c r="D159" s="261">
        <v>0.66411591786226687</v>
      </c>
    </row>
    <row r="160" spans="1:15" ht="38.25">
      <c r="A160" s="54" t="s">
        <v>454</v>
      </c>
      <c r="B160" s="256">
        <v>66</v>
      </c>
      <c r="C160" s="257">
        <v>3.3147018649367905</v>
      </c>
      <c r="D160" s="258">
        <v>0.70116393095992491</v>
      </c>
    </row>
    <row r="161" spans="1:36" ht="25.5">
      <c r="A161" s="46" t="s">
        <v>444</v>
      </c>
      <c r="B161" s="259">
        <v>111</v>
      </c>
      <c r="C161" s="260">
        <v>4.5556740282198449</v>
      </c>
      <c r="D161" s="261">
        <v>0.43675693133159488</v>
      </c>
    </row>
    <row r="162" spans="1:36">
      <c r="A162" s="54" t="s">
        <v>445</v>
      </c>
      <c r="B162" s="256">
        <v>236</v>
      </c>
      <c r="C162" s="257">
        <v>3.3912514049907929</v>
      </c>
      <c r="D162" s="258">
        <v>0.37860997892913106</v>
      </c>
    </row>
    <row r="163" spans="1:36">
      <c r="A163" s="46" t="s">
        <v>446</v>
      </c>
      <c r="B163" s="259">
        <v>122</v>
      </c>
      <c r="C163" s="260">
        <v>3.5915527361361064</v>
      </c>
      <c r="D163" s="261">
        <v>0.48289698260412361</v>
      </c>
    </row>
    <row r="164" spans="1:36">
      <c r="A164" s="54" t="s">
        <v>447</v>
      </c>
      <c r="B164" s="256">
        <v>114</v>
      </c>
      <c r="C164" s="257">
        <v>3.07306809244694</v>
      </c>
      <c r="D164" s="258">
        <v>0.55449380032044271</v>
      </c>
    </row>
    <row r="165" spans="1:36" s="5" customFormat="1"/>
    <row r="170" spans="1:36" ht="18.75">
      <c r="A170" s="327" t="s">
        <v>68</v>
      </c>
      <c r="B170" s="327"/>
      <c r="C170" s="327"/>
      <c r="D170" s="327"/>
      <c r="E170" s="327"/>
      <c r="F170" s="327"/>
      <c r="G170" s="327"/>
      <c r="H170" s="327"/>
      <c r="I170" s="327"/>
      <c r="J170" s="327"/>
      <c r="K170" s="327"/>
      <c r="L170" s="327"/>
      <c r="M170" s="327"/>
      <c r="N170" s="327"/>
      <c r="O170" s="327"/>
      <c r="P170" s="327"/>
      <c r="Q170" s="327"/>
      <c r="R170" s="327"/>
      <c r="S170" s="327"/>
      <c r="T170" s="327"/>
      <c r="U170" s="327"/>
      <c r="V170" s="327"/>
      <c r="W170" s="327"/>
      <c r="X170" s="327"/>
      <c r="Y170" s="327"/>
      <c r="Z170" s="327"/>
      <c r="AA170" s="327"/>
      <c r="AB170" s="327"/>
      <c r="AC170" s="327"/>
      <c r="AD170" s="327"/>
      <c r="AE170" s="327"/>
      <c r="AF170" s="327"/>
      <c r="AG170" s="327"/>
      <c r="AH170" s="327"/>
      <c r="AI170" s="327"/>
      <c r="AJ170" s="327"/>
    </row>
    <row r="171" spans="1:36" ht="70.5" customHeight="1">
      <c r="A171" s="358" t="s">
        <v>412</v>
      </c>
      <c r="B171" s="358"/>
      <c r="C171" s="358"/>
      <c r="D171" s="358"/>
      <c r="E171" s="358"/>
      <c r="F171" s="358"/>
      <c r="G171" s="358"/>
      <c r="H171" s="358"/>
      <c r="I171" s="358"/>
      <c r="J171" s="358"/>
      <c r="K171" s="358"/>
      <c r="L171" s="358"/>
      <c r="M171" s="358"/>
      <c r="N171" s="358"/>
      <c r="O171" s="358"/>
      <c r="P171" s="358"/>
      <c r="Q171" s="358"/>
      <c r="R171" s="358"/>
      <c r="S171" s="358"/>
      <c r="T171" s="358"/>
      <c r="U171" s="358"/>
      <c r="V171" s="358"/>
      <c r="W171" s="358"/>
      <c r="X171" s="358"/>
      <c r="Y171" s="358"/>
      <c r="Z171" s="358"/>
      <c r="AA171" s="358"/>
      <c r="AB171" s="358"/>
      <c r="AC171" s="358"/>
      <c r="AD171" s="358"/>
      <c r="AE171" s="358"/>
      <c r="AF171" s="358"/>
      <c r="AG171" s="358"/>
      <c r="AH171" s="358"/>
      <c r="AI171" s="358"/>
      <c r="AJ171" s="358"/>
    </row>
    <row r="172" spans="1:36" ht="33" customHeight="1">
      <c r="A172" s="61"/>
      <c r="B172" s="347" t="s">
        <v>411</v>
      </c>
      <c r="C172" s="347"/>
      <c r="D172" s="347"/>
      <c r="E172" s="347"/>
      <c r="F172" s="347"/>
      <c r="G172" s="347"/>
      <c r="H172" s="347"/>
      <c r="I172" s="347" t="s">
        <v>413</v>
      </c>
      <c r="J172" s="347"/>
      <c r="K172" s="347"/>
      <c r="L172" s="347"/>
      <c r="M172" s="347"/>
      <c r="N172" s="347"/>
      <c r="O172" s="347"/>
      <c r="P172" s="347" t="s">
        <v>414</v>
      </c>
      <c r="Q172" s="347"/>
      <c r="R172" s="347"/>
      <c r="S172" s="347"/>
      <c r="T172" s="347"/>
      <c r="U172" s="347"/>
      <c r="V172" s="347"/>
      <c r="W172" s="347" t="s">
        <v>415</v>
      </c>
      <c r="X172" s="347"/>
      <c r="Y172" s="347"/>
      <c r="Z172" s="347"/>
      <c r="AA172" s="347"/>
      <c r="AB172" s="347"/>
      <c r="AC172" s="347"/>
      <c r="AD172" s="347" t="s">
        <v>416</v>
      </c>
      <c r="AE172" s="347"/>
      <c r="AF172" s="347"/>
      <c r="AG172" s="347"/>
      <c r="AH172" s="347"/>
      <c r="AI172" s="347"/>
      <c r="AJ172" s="347"/>
    </row>
    <row r="173" spans="1:36" ht="41.25" customHeight="1">
      <c r="A173" s="34" t="s">
        <v>114</v>
      </c>
      <c r="B173" s="35" t="s">
        <v>115</v>
      </c>
      <c r="C173" s="35" t="s">
        <v>252</v>
      </c>
      <c r="D173" s="90" t="s">
        <v>253</v>
      </c>
      <c r="E173" s="35" t="s">
        <v>254</v>
      </c>
      <c r="F173" s="90" t="s">
        <v>255</v>
      </c>
      <c r="G173" s="35" t="s">
        <v>256</v>
      </c>
      <c r="H173" s="90" t="s">
        <v>195</v>
      </c>
      <c r="I173" s="62" t="s">
        <v>115</v>
      </c>
      <c r="J173" s="62" t="s">
        <v>252</v>
      </c>
      <c r="K173" s="89" t="s">
        <v>253</v>
      </c>
      <c r="L173" s="62" t="s">
        <v>254</v>
      </c>
      <c r="M173" s="89" t="s">
        <v>255</v>
      </c>
      <c r="N173" s="62" t="s">
        <v>256</v>
      </c>
      <c r="O173" s="89" t="s">
        <v>195</v>
      </c>
      <c r="P173" s="35" t="s">
        <v>115</v>
      </c>
      <c r="Q173" s="35" t="s">
        <v>252</v>
      </c>
      <c r="R173" s="90" t="s">
        <v>253</v>
      </c>
      <c r="S173" s="35" t="s">
        <v>254</v>
      </c>
      <c r="T173" s="90" t="s">
        <v>255</v>
      </c>
      <c r="U173" s="35" t="s">
        <v>256</v>
      </c>
      <c r="V173" s="90" t="s">
        <v>195</v>
      </c>
      <c r="W173" s="62" t="s">
        <v>115</v>
      </c>
      <c r="X173" s="62" t="s">
        <v>252</v>
      </c>
      <c r="Y173" s="89" t="s">
        <v>253</v>
      </c>
      <c r="Z173" s="62" t="s">
        <v>254</v>
      </c>
      <c r="AA173" s="89" t="s">
        <v>255</v>
      </c>
      <c r="AB173" s="62" t="s">
        <v>256</v>
      </c>
      <c r="AC173" s="89" t="s">
        <v>195</v>
      </c>
      <c r="AD173" s="35" t="s">
        <v>115</v>
      </c>
      <c r="AE173" s="35" t="s">
        <v>252</v>
      </c>
      <c r="AF173" s="90" t="s">
        <v>253</v>
      </c>
      <c r="AG173" s="35" t="s">
        <v>254</v>
      </c>
      <c r="AH173" s="90" t="s">
        <v>255</v>
      </c>
      <c r="AI173" s="35" t="s">
        <v>256</v>
      </c>
      <c r="AJ173" s="90" t="s">
        <v>195</v>
      </c>
    </row>
    <row r="174" spans="1:36" ht="72">
      <c r="A174" s="38"/>
      <c r="B174" s="39" t="s">
        <v>118</v>
      </c>
      <c r="C174" s="39" t="s">
        <v>303</v>
      </c>
      <c r="D174" s="92" t="s">
        <v>148</v>
      </c>
      <c r="E174" s="39" t="s">
        <v>304</v>
      </c>
      <c r="F174" s="92" t="s">
        <v>148</v>
      </c>
      <c r="G174" s="39" t="s">
        <v>305</v>
      </c>
      <c r="H174" s="92" t="s">
        <v>148</v>
      </c>
      <c r="I174" s="65" t="s">
        <v>118</v>
      </c>
      <c r="J174" s="65" t="s">
        <v>303</v>
      </c>
      <c r="K174" s="91" t="s">
        <v>148</v>
      </c>
      <c r="L174" s="65" t="s">
        <v>304</v>
      </c>
      <c r="M174" s="91" t="s">
        <v>148</v>
      </c>
      <c r="N174" s="65" t="s">
        <v>305</v>
      </c>
      <c r="O174" s="91" t="s">
        <v>148</v>
      </c>
      <c r="P174" s="39" t="s">
        <v>118</v>
      </c>
      <c r="Q174" s="39" t="s">
        <v>303</v>
      </c>
      <c r="R174" s="92" t="s">
        <v>148</v>
      </c>
      <c r="S174" s="39" t="s">
        <v>304</v>
      </c>
      <c r="T174" s="92" t="s">
        <v>148</v>
      </c>
      <c r="U174" s="39" t="s">
        <v>305</v>
      </c>
      <c r="V174" s="92" t="s">
        <v>148</v>
      </c>
      <c r="W174" s="65" t="s">
        <v>118</v>
      </c>
      <c r="X174" s="65" t="s">
        <v>303</v>
      </c>
      <c r="Y174" s="91" t="s">
        <v>148</v>
      </c>
      <c r="Z174" s="65" t="s">
        <v>304</v>
      </c>
      <c r="AA174" s="91" t="s">
        <v>148</v>
      </c>
      <c r="AB174" s="65" t="s">
        <v>305</v>
      </c>
      <c r="AC174" s="91" t="s">
        <v>148</v>
      </c>
      <c r="AD174" s="39" t="s">
        <v>118</v>
      </c>
      <c r="AE174" s="39" t="s">
        <v>303</v>
      </c>
      <c r="AF174" s="92" t="s">
        <v>148</v>
      </c>
      <c r="AG174" s="39" t="s">
        <v>304</v>
      </c>
      <c r="AH174" s="92" t="s">
        <v>148</v>
      </c>
      <c r="AI174" s="39" t="s">
        <v>305</v>
      </c>
      <c r="AJ174" s="92" t="s">
        <v>148</v>
      </c>
    </row>
    <row r="175" spans="1:36">
      <c r="A175" s="42" t="s">
        <v>442</v>
      </c>
      <c r="B175" s="256">
        <v>12727</v>
      </c>
      <c r="C175" s="262">
        <v>0.27278908462855939</v>
      </c>
      <c r="D175" s="95">
        <v>7.7375595187592341E-3</v>
      </c>
      <c r="E175" s="262">
        <v>0.1268279632725578</v>
      </c>
      <c r="F175" s="95">
        <v>5.7830070731710384E-3</v>
      </c>
      <c r="G175" s="262">
        <v>0.60038295209888282</v>
      </c>
      <c r="H175" s="95">
        <v>8.5087687742872661E-3</v>
      </c>
      <c r="I175" s="256">
        <v>12752</v>
      </c>
      <c r="J175" s="262">
        <v>0.25953058038529764</v>
      </c>
      <c r="K175" s="95">
        <v>7.6082997898237331E-3</v>
      </c>
      <c r="L175" s="262">
        <v>0.10330578314456425</v>
      </c>
      <c r="M175" s="95">
        <v>5.2846290756181731E-3</v>
      </c>
      <c r="N175" s="262">
        <v>0.63716363647013807</v>
      </c>
      <c r="O175" s="95">
        <v>8.344316926146414E-3</v>
      </c>
      <c r="P175" s="256">
        <v>12473</v>
      </c>
      <c r="Q175" s="262">
        <v>0.40441711975162603</v>
      </c>
      <c r="R175" s="95">
        <v>8.6117642574307738E-3</v>
      </c>
      <c r="S175" s="262">
        <v>0.13509042885643072</v>
      </c>
      <c r="T175" s="95">
        <v>6.0000824391698059E-3</v>
      </c>
      <c r="U175" s="262">
        <v>0.46049245139194322</v>
      </c>
      <c r="V175" s="95">
        <v>8.7460484509707167E-3</v>
      </c>
      <c r="W175" s="256">
        <v>12447</v>
      </c>
      <c r="X175" s="262">
        <v>0.41184555014524871</v>
      </c>
      <c r="Y175" s="95">
        <v>8.6451257082395573E-3</v>
      </c>
      <c r="Z175" s="262">
        <v>0.14495793909519414</v>
      </c>
      <c r="AA175" s="95">
        <v>6.1860086662780265E-3</v>
      </c>
      <c r="AB175" s="262">
        <v>0.44319651075955718</v>
      </c>
      <c r="AC175" s="95">
        <v>8.7257932618434991E-3</v>
      </c>
      <c r="AD175" s="256">
        <v>12454</v>
      </c>
      <c r="AE175" s="262">
        <v>0.39801921784764011</v>
      </c>
      <c r="AF175" s="95">
        <v>8.5957008789744639E-3</v>
      </c>
      <c r="AG175" s="262">
        <v>0.17956068930222707</v>
      </c>
      <c r="AH175" s="95">
        <v>6.7415215182809679E-3</v>
      </c>
      <c r="AI175" s="262">
        <v>0.42242009285013282</v>
      </c>
      <c r="AJ175" s="95">
        <v>8.6738851914975098E-3</v>
      </c>
    </row>
    <row r="176" spans="1:36">
      <c r="A176" s="46" t="s">
        <v>443</v>
      </c>
      <c r="B176" s="259">
        <v>1013</v>
      </c>
      <c r="C176" s="263">
        <v>0.23976618836976391</v>
      </c>
      <c r="D176" s="98">
        <v>2.6278199651045733E-2</v>
      </c>
      <c r="E176" s="263">
        <v>0.16831415102849462</v>
      </c>
      <c r="F176" s="98">
        <v>2.3065945279158239E-2</v>
      </c>
      <c r="G176" s="263">
        <v>0.59191966060174139</v>
      </c>
      <c r="H176" s="98">
        <v>3.0210605994174213E-2</v>
      </c>
      <c r="I176" s="259">
        <v>1018</v>
      </c>
      <c r="J176" s="263">
        <v>0.21269428750587355</v>
      </c>
      <c r="K176" s="98">
        <v>2.5137082680255537E-2</v>
      </c>
      <c r="L176" s="263">
        <v>0.11750220791621195</v>
      </c>
      <c r="M176" s="98">
        <v>1.9851388853453986E-2</v>
      </c>
      <c r="N176" s="263">
        <v>0.66980350457791449</v>
      </c>
      <c r="O176" s="98">
        <v>2.8847727918566698E-2</v>
      </c>
      <c r="P176" s="259">
        <v>1007</v>
      </c>
      <c r="Q176" s="263">
        <v>0.40473786746493778</v>
      </c>
      <c r="R176" s="98">
        <v>3.0261198571758456E-2</v>
      </c>
      <c r="S176" s="263">
        <v>0.11140935289497912</v>
      </c>
      <c r="T176" s="98">
        <v>1.9511573689307966E-2</v>
      </c>
      <c r="U176" s="263">
        <v>0.483852779640083</v>
      </c>
      <c r="V176" s="98">
        <v>3.0805318296624265E-2</v>
      </c>
      <c r="W176" s="259">
        <v>1007</v>
      </c>
      <c r="X176" s="263">
        <v>0.37396376653821162</v>
      </c>
      <c r="Y176" s="98">
        <v>2.9833988476532815E-2</v>
      </c>
      <c r="Z176" s="263">
        <v>0.14752874612467179</v>
      </c>
      <c r="AA176" s="98">
        <v>2.1945534303695651E-2</v>
      </c>
      <c r="AB176" s="263">
        <v>0.47850748733711657</v>
      </c>
      <c r="AC176" s="98">
        <v>3.0793005216140017E-2</v>
      </c>
      <c r="AD176" s="259">
        <v>1003</v>
      </c>
      <c r="AE176" s="263">
        <v>0.39718384107663346</v>
      </c>
      <c r="AF176" s="98">
        <v>3.0227732196579819E-2</v>
      </c>
      <c r="AG176" s="263">
        <v>0.17204908300027486</v>
      </c>
      <c r="AH176" s="98">
        <v>2.338114871620486E-2</v>
      </c>
      <c r="AI176" s="263">
        <v>0.43076707592309171</v>
      </c>
      <c r="AJ176" s="98">
        <v>3.0587307200100333E-2</v>
      </c>
    </row>
    <row r="177" spans="1:36">
      <c r="A177" s="50" t="s">
        <v>434</v>
      </c>
      <c r="B177" s="51">
        <v>271</v>
      </c>
      <c r="C177" s="183">
        <v>0.29207462227979775</v>
      </c>
      <c r="D177" s="95">
        <v>5.390606777685223E-2</v>
      </c>
      <c r="E177" s="183">
        <v>0.12021558425758717</v>
      </c>
      <c r="F177" s="95">
        <v>3.9187390489841642E-2</v>
      </c>
      <c r="G177" s="183">
        <v>0.5877097934626152</v>
      </c>
      <c r="H177" s="95">
        <v>5.8206529634547366E-2</v>
      </c>
      <c r="I177" s="51">
        <v>270</v>
      </c>
      <c r="J177" s="183">
        <v>0.20806832420914914</v>
      </c>
      <c r="K177" s="95">
        <v>4.8423781057473199E-2</v>
      </c>
      <c r="L177" s="183">
        <v>0.11266527614860022</v>
      </c>
      <c r="M177" s="95">
        <v>3.8244152705814161E-2</v>
      </c>
      <c r="N177" s="183">
        <v>0.67926639964225066</v>
      </c>
      <c r="O177" s="95">
        <v>5.5385934263742123E-2</v>
      </c>
      <c r="P177" s="51">
        <v>270</v>
      </c>
      <c r="Q177" s="183">
        <v>0.33574968564860397</v>
      </c>
      <c r="R177" s="95">
        <v>5.6016308777879643E-2</v>
      </c>
      <c r="S177" s="183">
        <v>6.9941595334216566E-2</v>
      </c>
      <c r="T177" s="95">
        <v>3.1419485562230634E-2</v>
      </c>
      <c r="U177" s="183">
        <v>0.59430871901717941</v>
      </c>
      <c r="V177" s="95">
        <v>5.8172365593157957E-2</v>
      </c>
      <c r="W177" s="51">
        <v>271</v>
      </c>
      <c r="X177" s="183">
        <v>0.31488200819926038</v>
      </c>
      <c r="Y177" s="95">
        <v>5.5022485934046898E-2</v>
      </c>
      <c r="Z177" s="183">
        <v>0.14976412838253619</v>
      </c>
      <c r="AA177" s="95">
        <v>4.2758447309726867E-2</v>
      </c>
      <c r="AB177" s="183">
        <v>0.53535386341820335</v>
      </c>
      <c r="AC177" s="95">
        <v>5.8952587046236904E-2</v>
      </c>
      <c r="AD177" s="51">
        <v>269</v>
      </c>
      <c r="AE177" s="183">
        <v>0.32272588208736686</v>
      </c>
      <c r="AF177" s="95">
        <v>5.5575091974744854E-2</v>
      </c>
      <c r="AG177" s="183">
        <v>0.17424006882083992</v>
      </c>
      <c r="AH177" s="95">
        <v>4.547631603352964E-2</v>
      </c>
      <c r="AI177" s="183">
        <v>0.50303404909179328</v>
      </c>
      <c r="AJ177" s="95">
        <v>5.9311237964185408E-2</v>
      </c>
    </row>
    <row r="178" spans="1:36" ht="25.5">
      <c r="A178" s="46" t="s">
        <v>438</v>
      </c>
      <c r="B178" s="259">
        <v>58</v>
      </c>
      <c r="C178" s="263">
        <v>0.26250834822837282</v>
      </c>
      <c r="D178" s="98">
        <v>0.11149867472124525</v>
      </c>
      <c r="E178" s="263">
        <v>8.5210412622161169E-2</v>
      </c>
      <c r="F178" s="98">
        <v>7.8492223562654853E-2</v>
      </c>
      <c r="G178" s="263">
        <v>0.65228123914946601</v>
      </c>
      <c r="H178" s="98">
        <v>0.1193016623986881</v>
      </c>
      <c r="I178" s="259">
        <v>57</v>
      </c>
      <c r="J178" s="263">
        <v>0.10663255925387707</v>
      </c>
      <c r="K178" s="98">
        <v>8.5061422309401502E-2</v>
      </c>
      <c r="L178" s="263">
        <v>0.21329645809728326</v>
      </c>
      <c r="M178" s="98">
        <v>0.10594461749601583</v>
      </c>
      <c r="N178" s="263">
        <v>0.68007098264883969</v>
      </c>
      <c r="O178" s="98">
        <v>0.11815763835215873</v>
      </c>
      <c r="P178" s="259">
        <v>58</v>
      </c>
      <c r="Q178" s="263">
        <v>0.34033203394912387</v>
      </c>
      <c r="R178" s="98">
        <v>0.11877684430704129</v>
      </c>
      <c r="S178" s="263">
        <v>0.10050948297114148</v>
      </c>
      <c r="T178" s="98">
        <v>8.2683368242489425E-2</v>
      </c>
      <c r="U178" s="263">
        <v>0.55915848307973448</v>
      </c>
      <c r="V178" s="98">
        <v>0.12369540319572639</v>
      </c>
      <c r="W178" s="259">
        <v>58</v>
      </c>
      <c r="X178" s="263">
        <v>0.29678980468909327</v>
      </c>
      <c r="Y178" s="98">
        <v>0.11511371832399953</v>
      </c>
      <c r="Z178" s="263">
        <v>0.15340815714473169</v>
      </c>
      <c r="AA178" s="98">
        <v>9.4744882888986665E-2</v>
      </c>
      <c r="AB178" s="263">
        <v>0.54980203816617501</v>
      </c>
      <c r="AC178" s="98">
        <v>0.12391865644993022</v>
      </c>
      <c r="AD178" s="259">
        <v>58</v>
      </c>
      <c r="AE178" s="263">
        <v>0.38659029896457014</v>
      </c>
      <c r="AF178" s="98">
        <v>0.12162608300082833</v>
      </c>
      <c r="AG178" s="263">
        <v>0.15613642922572851</v>
      </c>
      <c r="AH178" s="98">
        <v>9.5282410030039344E-2</v>
      </c>
      <c r="AI178" s="263">
        <v>0.45727327180970134</v>
      </c>
      <c r="AJ178" s="98">
        <v>0.12406180858661102</v>
      </c>
    </row>
    <row r="179" spans="1:36" ht="38.25">
      <c r="A179" s="54" t="s">
        <v>454</v>
      </c>
      <c r="B179" s="256">
        <v>68</v>
      </c>
      <c r="C179" s="262">
        <v>0.63882779629251529</v>
      </c>
      <c r="D179" s="95">
        <v>0.11145242895284989</v>
      </c>
      <c r="E179" s="262">
        <v>4.2663280870545738E-2</v>
      </c>
      <c r="F179" s="95">
        <v>5.8178421817474076E-2</v>
      </c>
      <c r="G179" s="262">
        <v>0.31850892283693905</v>
      </c>
      <c r="H179" s="95">
        <v>0.10849544140098477</v>
      </c>
      <c r="I179" s="256">
        <v>68</v>
      </c>
      <c r="J179" s="262">
        <v>0.52507371483973952</v>
      </c>
      <c r="K179" s="95">
        <v>0.11536450199351012</v>
      </c>
      <c r="L179" s="262">
        <v>0.17019032189705594</v>
      </c>
      <c r="M179" s="95">
        <v>9.0344419416163058E-2</v>
      </c>
      <c r="N179" s="262">
        <v>0.30473596326320451</v>
      </c>
      <c r="O179" s="95">
        <v>0.10735131665901425</v>
      </c>
      <c r="P179" s="256">
        <v>66</v>
      </c>
      <c r="Q179" s="262">
        <v>0.55067437841343236</v>
      </c>
      <c r="R179" s="95">
        <v>0.11659639663728613</v>
      </c>
      <c r="S179" s="262">
        <v>0.1416179700301512</v>
      </c>
      <c r="T179" s="95">
        <v>8.633588620798005E-2</v>
      </c>
      <c r="U179" s="262">
        <v>0.30770765155641644</v>
      </c>
      <c r="V179" s="95">
        <v>0.10916055858446111</v>
      </c>
      <c r="W179" s="256">
        <v>67</v>
      </c>
      <c r="X179" s="262">
        <v>0.68146710579575387</v>
      </c>
      <c r="Y179" s="95">
        <v>0.10927078969245399</v>
      </c>
      <c r="Z179" s="262">
        <v>3.0480288195840546E-2</v>
      </c>
      <c r="AA179" s="95">
        <v>5.3898538688306852E-2</v>
      </c>
      <c r="AB179" s="262">
        <v>0.2880526060084056</v>
      </c>
      <c r="AC179" s="95">
        <v>0.10659424917025435</v>
      </c>
      <c r="AD179" s="256">
        <v>66</v>
      </c>
      <c r="AE179" s="262">
        <v>0.53088520495200064</v>
      </c>
      <c r="AF179" s="95">
        <v>0.1169335798249711</v>
      </c>
      <c r="AG179" s="262">
        <v>9.9953742586598934E-2</v>
      </c>
      <c r="AH179" s="95">
        <v>7.6891107937552883E-2</v>
      </c>
      <c r="AI179" s="262">
        <v>0.36916105246140052</v>
      </c>
      <c r="AJ179" s="95">
        <v>0.11351132193577723</v>
      </c>
    </row>
    <row r="180" spans="1:36" ht="25.5">
      <c r="A180" s="46" t="s">
        <v>444</v>
      </c>
      <c r="B180" s="259">
        <v>111</v>
      </c>
      <c r="C180" s="263">
        <v>0.25234541764935714</v>
      </c>
      <c r="D180" s="98">
        <v>8.0265297734312194E-2</v>
      </c>
      <c r="E180" s="263">
        <v>0.13876546670923945</v>
      </c>
      <c r="F180" s="98">
        <v>6.5499693039858448E-2</v>
      </c>
      <c r="G180" s="263">
        <v>0.60888911564140336</v>
      </c>
      <c r="H180" s="98">
        <v>8.9343708614900152E-2</v>
      </c>
      <c r="I180" s="259">
        <v>110</v>
      </c>
      <c r="J180" s="263">
        <v>0.18582674023329257</v>
      </c>
      <c r="K180" s="98">
        <v>7.299111362046852E-2</v>
      </c>
      <c r="L180" s="263">
        <v>7.6010279152826807E-2</v>
      </c>
      <c r="M180" s="98">
        <v>5.2767157952374341E-2</v>
      </c>
      <c r="N180" s="263">
        <v>0.73816298061388064</v>
      </c>
      <c r="O180" s="98">
        <v>8.1516404568776901E-2</v>
      </c>
      <c r="P180" s="259">
        <v>111</v>
      </c>
      <c r="Q180" s="263">
        <v>0.2956188215948336</v>
      </c>
      <c r="R180" s="98">
        <v>8.397199112831015E-2</v>
      </c>
      <c r="S180" s="263">
        <v>5.096562013282438E-2</v>
      </c>
      <c r="T180" s="98">
        <v>4.5564891472549003E-2</v>
      </c>
      <c r="U180" s="263">
        <v>0.65341555827234199</v>
      </c>
      <c r="V180" s="98">
        <v>8.7285803539598097E-2</v>
      </c>
      <c r="W180" s="259">
        <v>111</v>
      </c>
      <c r="X180" s="263">
        <v>0.26704365604290542</v>
      </c>
      <c r="Y180" s="98">
        <v>8.1623320932416671E-2</v>
      </c>
      <c r="Z180" s="263">
        <v>0.17222262677445666</v>
      </c>
      <c r="AA180" s="98">
        <v>7.0764688846303783E-2</v>
      </c>
      <c r="AB180" s="263">
        <v>0.56073371718263798</v>
      </c>
      <c r="AC180" s="98">
        <v>9.0755214702252826E-2</v>
      </c>
      <c r="AD180" s="259">
        <v>110</v>
      </c>
      <c r="AE180" s="263">
        <v>0.27307280604537426</v>
      </c>
      <c r="AF180" s="98">
        <v>8.2515930671897691E-2</v>
      </c>
      <c r="AG180" s="263">
        <v>0.18284103258547513</v>
      </c>
      <c r="AH180" s="98">
        <v>7.2584858826623966E-2</v>
      </c>
      <c r="AI180" s="263">
        <v>0.54408616136915056</v>
      </c>
      <c r="AJ180" s="98">
        <v>9.1452618267233957E-2</v>
      </c>
    </row>
    <row r="181" spans="1:36">
      <c r="A181" s="54" t="s">
        <v>445</v>
      </c>
      <c r="B181" s="256">
        <v>238</v>
      </c>
      <c r="C181" s="262">
        <v>0.4116338375187617</v>
      </c>
      <c r="D181" s="95">
        <v>6.2037912278346471E-2</v>
      </c>
      <c r="E181" s="262">
        <v>0.17298796184773277</v>
      </c>
      <c r="F181" s="95">
        <v>4.8235798483164831E-2</v>
      </c>
      <c r="G181" s="262">
        <v>0.4153782006335055</v>
      </c>
      <c r="H181" s="95">
        <v>6.2118014828372536E-2</v>
      </c>
      <c r="I181" s="256">
        <v>240</v>
      </c>
      <c r="J181" s="262">
        <v>0.43673560127116895</v>
      </c>
      <c r="K181" s="95">
        <v>6.2250302048289761E-2</v>
      </c>
      <c r="L181" s="262">
        <v>0.11405712660492351</v>
      </c>
      <c r="M181" s="95">
        <v>4.0831204819502732E-2</v>
      </c>
      <c r="N181" s="262">
        <v>0.44920727212390754</v>
      </c>
      <c r="O181" s="95">
        <v>6.2424096110212351E-2</v>
      </c>
      <c r="P181" s="256">
        <v>235</v>
      </c>
      <c r="Q181" s="262">
        <v>0.65410111413498684</v>
      </c>
      <c r="R181" s="95">
        <v>6.0410070367073139E-2</v>
      </c>
      <c r="S181" s="262">
        <v>3.1228388310940179E-2</v>
      </c>
      <c r="T181" s="95">
        <v>2.4566636518962872E-2</v>
      </c>
      <c r="U181" s="262">
        <v>0.31467049755407295</v>
      </c>
      <c r="V181" s="95">
        <v>5.9030952983468887E-2</v>
      </c>
      <c r="W181" s="256">
        <v>236</v>
      </c>
      <c r="X181" s="262">
        <v>0.58489515985097296</v>
      </c>
      <c r="Y181" s="95">
        <v>6.2370802448577831E-2</v>
      </c>
      <c r="Z181" s="262">
        <v>7.6651416980838188E-2</v>
      </c>
      <c r="AA181" s="95">
        <v>3.5038786592214849E-2</v>
      </c>
      <c r="AB181" s="262">
        <v>0.33845342316818883</v>
      </c>
      <c r="AC181" s="95">
        <v>5.9981199238805558E-2</v>
      </c>
      <c r="AD181" s="256">
        <v>235</v>
      </c>
      <c r="AE181" s="262">
        <v>0.59612612967991541</v>
      </c>
      <c r="AF181" s="95">
        <v>6.2248018302015491E-2</v>
      </c>
      <c r="AG181" s="262">
        <v>0.11283022187102913</v>
      </c>
      <c r="AH181" s="95">
        <v>4.1096719500836668E-2</v>
      </c>
      <c r="AI181" s="262">
        <v>0.29104364844905545</v>
      </c>
      <c r="AJ181" s="95">
        <v>5.7791745768799495E-2</v>
      </c>
    </row>
    <row r="182" spans="1:36" ht="18.75" customHeight="1">
      <c r="A182" s="46" t="s">
        <v>446</v>
      </c>
      <c r="B182" s="259">
        <v>123</v>
      </c>
      <c r="C182" s="263">
        <v>0.33910368941482821</v>
      </c>
      <c r="D182" s="98">
        <v>8.2629807876658884E-2</v>
      </c>
      <c r="E182" s="263">
        <v>0.13431098910242512</v>
      </c>
      <c r="F182" s="98">
        <v>6.1383022077740823E-2</v>
      </c>
      <c r="G182" s="263">
        <v>0.52658532148274662</v>
      </c>
      <c r="H182" s="98">
        <v>8.6845558322315233E-2</v>
      </c>
      <c r="I182" s="259">
        <v>124</v>
      </c>
      <c r="J182" s="263">
        <v>0.32140287677916429</v>
      </c>
      <c r="K182" s="98">
        <v>8.1269398383550059E-2</v>
      </c>
      <c r="L182" s="263">
        <v>0.13940248187646792</v>
      </c>
      <c r="M182" s="98">
        <v>6.1973222799855454E-2</v>
      </c>
      <c r="N182" s="263">
        <v>0.53919464134436779</v>
      </c>
      <c r="O182" s="98">
        <v>8.6370456680832833E-2</v>
      </c>
      <c r="P182" s="259">
        <v>122</v>
      </c>
      <c r="Q182" s="263">
        <v>0.64095807073905975</v>
      </c>
      <c r="R182" s="98">
        <v>8.3989793150078679E-2</v>
      </c>
      <c r="S182" s="263">
        <v>1.8296110334674008E-2</v>
      </c>
      <c r="T182" s="98">
        <v>3.1459070258346211E-2</v>
      </c>
      <c r="U182" s="263">
        <v>0.34074581892626632</v>
      </c>
      <c r="V182" s="98">
        <v>8.3049880012842817E-2</v>
      </c>
      <c r="W182" s="259">
        <v>122</v>
      </c>
      <c r="X182" s="263">
        <v>0.57295289414025963</v>
      </c>
      <c r="Y182" s="98">
        <v>8.6429714802626165E-2</v>
      </c>
      <c r="Z182" s="263">
        <v>0.11230405198130738</v>
      </c>
      <c r="AA182" s="98">
        <v>5.7670114944128707E-2</v>
      </c>
      <c r="AB182" s="263">
        <v>0.3147430538784331</v>
      </c>
      <c r="AC182" s="98">
        <v>8.149369211780054E-2</v>
      </c>
      <c r="AD182" s="259">
        <v>122</v>
      </c>
      <c r="AE182" s="263">
        <v>0.59431439567016697</v>
      </c>
      <c r="AF182" s="98">
        <v>8.583684136413737E-2</v>
      </c>
      <c r="AG182" s="263">
        <v>0.13899078257055805</v>
      </c>
      <c r="AH182" s="98">
        <v>6.2425642513764167E-2</v>
      </c>
      <c r="AI182" s="263">
        <v>0.266694821759275</v>
      </c>
      <c r="AJ182" s="98">
        <v>7.7886891840103445E-2</v>
      </c>
    </row>
    <row r="183" spans="1:36">
      <c r="A183" s="54" t="s">
        <v>447</v>
      </c>
      <c r="B183" s="256">
        <v>115</v>
      </c>
      <c r="C183" s="262">
        <v>0.52341039624505592</v>
      </c>
      <c r="D183" s="95">
        <v>8.9744444975721899E-2</v>
      </c>
      <c r="E183" s="262">
        <v>0.23259322984230757</v>
      </c>
      <c r="F183" s="95">
        <v>7.6907554962747496E-2</v>
      </c>
      <c r="G183" s="262">
        <v>0.24399637391263654</v>
      </c>
      <c r="H183" s="95">
        <v>7.8068652931254215E-2</v>
      </c>
      <c r="I183" s="256">
        <v>116</v>
      </c>
      <c r="J183" s="262">
        <v>0.61415607198722821</v>
      </c>
      <c r="K183" s="95">
        <v>8.7255354607846489E-2</v>
      </c>
      <c r="L183" s="262">
        <v>7.5067456651753378E-2</v>
      </c>
      <c r="M183" s="95">
        <v>5.1006951557903711E-2</v>
      </c>
      <c r="N183" s="262">
        <v>0.31077647136101838</v>
      </c>
      <c r="O183" s="95">
        <v>8.3259965743247039E-2</v>
      </c>
      <c r="P183" s="256">
        <v>113</v>
      </c>
      <c r="Q183" s="262">
        <v>0.6750087401361724</v>
      </c>
      <c r="R183" s="95">
        <v>8.5267146970957511E-2</v>
      </c>
      <c r="S183" s="262">
        <v>5.1800733933334758E-2</v>
      </c>
      <c r="T183" s="95">
        <v>4.5343325858201847E-2</v>
      </c>
      <c r="U183" s="262">
        <v>0.27319052593049281</v>
      </c>
      <c r="V183" s="95">
        <v>8.1443176927593841E-2</v>
      </c>
      <c r="W183" s="256">
        <v>114</v>
      </c>
      <c r="X183" s="262">
        <v>0.60329644485409628</v>
      </c>
      <c r="Y183" s="95">
        <v>8.8401119877807993E-2</v>
      </c>
      <c r="Z183" s="262">
        <v>2.1715920346609394E-2</v>
      </c>
      <c r="AA183" s="95">
        <v>3.4467040616130193E-2</v>
      </c>
      <c r="AB183" s="262">
        <v>0.37498763479929426</v>
      </c>
      <c r="AC183" s="95">
        <v>8.7544876263594543E-2</v>
      </c>
      <c r="AD183" s="256">
        <v>113</v>
      </c>
      <c r="AE183" s="262">
        <v>0.599010011256077</v>
      </c>
      <c r="AF183" s="95">
        <v>8.8928658143659217E-2</v>
      </c>
      <c r="AG183" s="262">
        <v>7.1188370132592674E-2</v>
      </c>
      <c r="AH183" s="95">
        <v>5.0762009504136542E-2</v>
      </c>
      <c r="AI183" s="262">
        <v>0.32980161861133028</v>
      </c>
      <c r="AJ183" s="95">
        <v>8.5564861076344159E-2</v>
      </c>
    </row>
    <row r="184" spans="1:36" s="5" customFormat="1"/>
    <row r="189" spans="1:36" ht="18.75">
      <c r="A189" s="327" t="s">
        <v>69</v>
      </c>
      <c r="B189" s="327"/>
      <c r="C189" s="327"/>
      <c r="D189" s="327"/>
    </row>
    <row r="190" spans="1:36" ht="147" customHeight="1">
      <c r="A190" s="360" t="s">
        <v>417</v>
      </c>
      <c r="B190" s="360"/>
      <c r="C190" s="360"/>
      <c r="D190" s="360"/>
    </row>
    <row r="191" spans="1:36" ht="36" customHeight="1">
      <c r="A191" s="329" t="s">
        <v>272</v>
      </c>
      <c r="B191" s="329"/>
      <c r="C191" s="329"/>
      <c r="D191" s="329"/>
    </row>
    <row r="192" spans="1:36" ht="40.5" customHeight="1">
      <c r="A192" s="34" t="s">
        <v>114</v>
      </c>
      <c r="B192" s="35" t="s">
        <v>115</v>
      </c>
      <c r="C192" s="36" t="s">
        <v>116</v>
      </c>
      <c r="D192" s="37" t="s">
        <v>117</v>
      </c>
    </row>
    <row r="193" spans="1:29" ht="72">
      <c r="A193" s="38"/>
      <c r="B193" s="39" t="s">
        <v>118</v>
      </c>
      <c r="C193" s="130" t="s">
        <v>273</v>
      </c>
      <c r="D193" s="41" t="s">
        <v>120</v>
      </c>
    </row>
    <row r="194" spans="1:29">
      <c r="A194" s="42" t="s">
        <v>442</v>
      </c>
      <c r="B194" s="264">
        <v>11591</v>
      </c>
      <c r="C194" s="265">
        <v>3.6825686450561119</v>
      </c>
      <c r="D194" s="266">
        <v>4.7549701279814283E-2</v>
      </c>
    </row>
    <row r="195" spans="1:29">
      <c r="A195" s="46" t="s">
        <v>443</v>
      </c>
      <c r="B195" s="267">
        <v>917</v>
      </c>
      <c r="C195" s="268">
        <v>3.2006368858588217</v>
      </c>
      <c r="D195" s="269">
        <v>0.17549531718852451</v>
      </c>
    </row>
    <row r="196" spans="1:29">
      <c r="A196" s="50" t="s">
        <v>434</v>
      </c>
      <c r="B196" s="80">
        <v>246</v>
      </c>
      <c r="C196" s="81">
        <v>3.7040918291188527</v>
      </c>
      <c r="D196" s="82">
        <v>0.31961163462608155</v>
      </c>
    </row>
    <row r="197" spans="1:29" ht="25.5">
      <c r="A197" s="46" t="s">
        <v>438</v>
      </c>
      <c r="B197" s="267">
        <v>59</v>
      </c>
      <c r="C197" s="268">
        <v>4.0381916237421107</v>
      </c>
      <c r="D197" s="269">
        <v>0.5170708585892605</v>
      </c>
    </row>
    <row r="198" spans="1:29" ht="38.25">
      <c r="A198" s="54" t="s">
        <v>454</v>
      </c>
      <c r="B198" s="264">
        <v>59</v>
      </c>
      <c r="C198" s="265">
        <v>4.475083504312571</v>
      </c>
      <c r="D198" s="266">
        <v>0.42437545472930172</v>
      </c>
    </row>
    <row r="199" spans="1:29" ht="25.5">
      <c r="A199" s="46" t="s">
        <v>444</v>
      </c>
      <c r="B199" s="267">
        <v>98</v>
      </c>
      <c r="C199" s="268">
        <v>3.4382737072577969</v>
      </c>
      <c r="D199" s="269">
        <v>0.42809868568072673</v>
      </c>
    </row>
    <row r="200" spans="1:29">
      <c r="A200" s="54" t="s">
        <v>445</v>
      </c>
      <c r="B200" s="264">
        <v>220</v>
      </c>
      <c r="C200" s="265">
        <v>3.5657919246562373</v>
      </c>
      <c r="D200" s="266">
        <v>0.35932876577577444</v>
      </c>
    </row>
    <row r="201" spans="1:29">
      <c r="A201" s="46" t="s">
        <v>446</v>
      </c>
      <c r="B201" s="267">
        <v>112</v>
      </c>
      <c r="C201" s="268">
        <v>3.4745100852159547</v>
      </c>
      <c r="D201" s="269">
        <v>0.46441565974204035</v>
      </c>
    </row>
    <row r="202" spans="1:29">
      <c r="A202" s="54" t="s">
        <v>447</v>
      </c>
      <c r="B202" s="264">
        <v>108</v>
      </c>
      <c r="C202" s="265">
        <v>3.7051197878717286</v>
      </c>
      <c r="D202" s="266">
        <v>0.56176521024082238</v>
      </c>
    </row>
    <row r="203" spans="1:29" s="5" customFormat="1"/>
    <row r="208" spans="1:29" ht="18.75">
      <c r="A208" s="327" t="s">
        <v>70</v>
      </c>
      <c r="B208" s="327"/>
      <c r="C208" s="327"/>
      <c r="D208" s="327"/>
      <c r="E208" s="327"/>
      <c r="F208" s="327"/>
      <c r="G208" s="327"/>
      <c r="H208" s="327"/>
      <c r="I208" s="327"/>
      <c r="J208" s="327"/>
      <c r="K208" s="327"/>
      <c r="L208" s="327"/>
      <c r="M208" s="327"/>
      <c r="N208" s="327"/>
      <c r="O208" s="327"/>
      <c r="P208" s="327"/>
      <c r="Q208" s="327"/>
      <c r="R208" s="327"/>
      <c r="S208" s="327"/>
      <c r="T208" s="327"/>
      <c r="U208" s="327"/>
      <c r="V208" s="327"/>
      <c r="W208" s="327"/>
      <c r="X208" s="327"/>
      <c r="Y208" s="327"/>
      <c r="Z208" s="327"/>
      <c r="AA208" s="327"/>
      <c r="AB208" s="327"/>
      <c r="AC208" s="327"/>
    </row>
    <row r="209" spans="1:29" ht="54" customHeight="1">
      <c r="A209" s="360" t="s">
        <v>274</v>
      </c>
      <c r="B209" s="360"/>
      <c r="C209" s="360"/>
      <c r="D209" s="360"/>
      <c r="E209" s="360"/>
      <c r="F209" s="360"/>
      <c r="G209" s="360"/>
      <c r="H209" s="360"/>
      <c r="I209" s="360"/>
      <c r="J209" s="360"/>
      <c r="K209" s="360"/>
      <c r="L209" s="360"/>
      <c r="M209" s="360"/>
      <c r="N209" s="360"/>
      <c r="O209" s="360"/>
      <c r="P209" s="360"/>
      <c r="Q209" s="360"/>
      <c r="R209" s="360"/>
      <c r="S209" s="360"/>
      <c r="T209" s="360"/>
      <c r="U209" s="360"/>
      <c r="V209" s="360"/>
      <c r="W209" s="360"/>
      <c r="X209" s="360"/>
      <c r="Y209" s="360"/>
      <c r="Z209" s="360"/>
      <c r="AA209" s="360"/>
      <c r="AB209" s="360"/>
      <c r="AC209" s="360"/>
    </row>
    <row r="210" spans="1:29" ht="32.25" customHeight="1">
      <c r="A210" s="61"/>
      <c r="B210" s="347" t="s">
        <v>275</v>
      </c>
      <c r="C210" s="347"/>
      <c r="D210" s="347"/>
      <c r="E210" s="347"/>
      <c r="F210" s="347"/>
      <c r="G210" s="347"/>
      <c r="H210" s="347"/>
      <c r="I210" s="347" t="s">
        <v>276</v>
      </c>
      <c r="J210" s="347"/>
      <c r="K210" s="347"/>
      <c r="L210" s="347"/>
      <c r="M210" s="347"/>
      <c r="N210" s="347"/>
      <c r="O210" s="347"/>
      <c r="P210" s="347" t="s">
        <v>277</v>
      </c>
      <c r="Q210" s="347"/>
      <c r="R210" s="347"/>
      <c r="S210" s="347"/>
      <c r="T210" s="347"/>
      <c r="U210" s="347"/>
      <c r="V210" s="347"/>
      <c r="W210" s="347" t="s">
        <v>278</v>
      </c>
      <c r="X210" s="347"/>
      <c r="Y210" s="347"/>
      <c r="Z210" s="347"/>
      <c r="AA210" s="347"/>
      <c r="AB210" s="347"/>
      <c r="AC210" s="347"/>
    </row>
    <row r="211" spans="1:29" ht="43.5" customHeight="1">
      <c r="A211" s="34" t="s">
        <v>114</v>
      </c>
      <c r="B211" s="35" t="s">
        <v>115</v>
      </c>
      <c r="C211" s="35" t="s">
        <v>300</v>
      </c>
      <c r="D211" s="90" t="s">
        <v>145</v>
      </c>
      <c r="E211" s="35" t="s">
        <v>301</v>
      </c>
      <c r="F211" s="90" t="s">
        <v>146</v>
      </c>
      <c r="G211" s="35" t="s">
        <v>302</v>
      </c>
      <c r="H211" s="90" t="s">
        <v>147</v>
      </c>
      <c r="I211" s="62" t="s">
        <v>115</v>
      </c>
      <c r="J211" s="62" t="s">
        <v>300</v>
      </c>
      <c r="K211" s="89" t="s">
        <v>145</v>
      </c>
      <c r="L211" s="62" t="s">
        <v>301</v>
      </c>
      <c r="M211" s="89" t="s">
        <v>146</v>
      </c>
      <c r="N211" s="62" t="s">
        <v>302</v>
      </c>
      <c r="O211" s="89" t="s">
        <v>147</v>
      </c>
      <c r="P211" s="35" t="s">
        <v>115</v>
      </c>
      <c r="Q211" s="35" t="s">
        <v>300</v>
      </c>
      <c r="R211" s="90" t="s">
        <v>145</v>
      </c>
      <c r="S211" s="35" t="s">
        <v>301</v>
      </c>
      <c r="T211" s="90" t="s">
        <v>146</v>
      </c>
      <c r="U211" s="35" t="s">
        <v>302</v>
      </c>
      <c r="V211" s="90" t="s">
        <v>147</v>
      </c>
      <c r="W211" s="62" t="s">
        <v>115</v>
      </c>
      <c r="X211" s="62" t="s">
        <v>300</v>
      </c>
      <c r="Y211" s="89" t="s">
        <v>145</v>
      </c>
      <c r="Z211" s="62" t="s">
        <v>301</v>
      </c>
      <c r="AA211" s="89" t="s">
        <v>146</v>
      </c>
      <c r="AB211" s="62" t="s">
        <v>302</v>
      </c>
      <c r="AC211" s="89" t="s">
        <v>147</v>
      </c>
    </row>
    <row r="212" spans="1:29" ht="72">
      <c r="A212" s="38"/>
      <c r="B212" s="39" t="s">
        <v>118</v>
      </c>
      <c r="C212" s="39" t="s">
        <v>303</v>
      </c>
      <c r="D212" s="92" t="s">
        <v>148</v>
      </c>
      <c r="E212" s="39" t="s">
        <v>304</v>
      </c>
      <c r="F212" s="92" t="s">
        <v>148</v>
      </c>
      <c r="G212" s="39" t="s">
        <v>305</v>
      </c>
      <c r="H212" s="92" t="s">
        <v>148</v>
      </c>
      <c r="I212" s="65" t="s">
        <v>118</v>
      </c>
      <c r="J212" s="65" t="s">
        <v>303</v>
      </c>
      <c r="K212" s="91" t="s">
        <v>148</v>
      </c>
      <c r="L212" s="65" t="s">
        <v>304</v>
      </c>
      <c r="M212" s="91" t="s">
        <v>148</v>
      </c>
      <c r="N212" s="65" t="s">
        <v>305</v>
      </c>
      <c r="O212" s="91" t="s">
        <v>148</v>
      </c>
      <c r="P212" s="39" t="s">
        <v>118</v>
      </c>
      <c r="Q212" s="39" t="s">
        <v>303</v>
      </c>
      <c r="R212" s="92" t="s">
        <v>148</v>
      </c>
      <c r="S212" s="39" t="s">
        <v>304</v>
      </c>
      <c r="T212" s="92" t="s">
        <v>148</v>
      </c>
      <c r="U212" s="39" t="s">
        <v>305</v>
      </c>
      <c r="V212" s="92" t="s">
        <v>148</v>
      </c>
      <c r="W212" s="65" t="s">
        <v>118</v>
      </c>
      <c r="X212" s="65" t="s">
        <v>303</v>
      </c>
      <c r="Y212" s="91" t="s">
        <v>148</v>
      </c>
      <c r="Z212" s="65" t="s">
        <v>304</v>
      </c>
      <c r="AA212" s="91" t="s">
        <v>148</v>
      </c>
      <c r="AB212" s="65" t="s">
        <v>305</v>
      </c>
      <c r="AC212" s="91" t="s">
        <v>148</v>
      </c>
    </row>
    <row r="213" spans="1:29">
      <c r="A213" s="42" t="s">
        <v>442</v>
      </c>
      <c r="B213" s="264">
        <v>13039</v>
      </c>
      <c r="C213" s="270">
        <v>9.5355043153413505E-2</v>
      </c>
      <c r="D213" s="95">
        <v>5.0434865223043966E-3</v>
      </c>
      <c r="E213" s="270">
        <v>9.7828859398018386E-2</v>
      </c>
      <c r="F213" s="95">
        <v>5.10139779681309E-3</v>
      </c>
      <c r="G213" s="270">
        <v>0.80681609744856808</v>
      </c>
      <c r="H213" s="95">
        <v>6.776734683337538E-3</v>
      </c>
      <c r="I213" s="264">
        <v>12559</v>
      </c>
      <c r="J213" s="270">
        <v>0.4643810827780685</v>
      </c>
      <c r="K213" s="95">
        <v>8.4188722354669072E-3</v>
      </c>
      <c r="L213" s="270">
        <v>0.17061748783573849</v>
      </c>
      <c r="M213" s="95">
        <v>6.5796769906544756E-3</v>
      </c>
      <c r="N213" s="270">
        <v>0.36500142938619301</v>
      </c>
      <c r="O213" s="95">
        <v>8.7211812053654744E-3</v>
      </c>
      <c r="P213" s="264">
        <v>11702</v>
      </c>
      <c r="Q213" s="270">
        <v>0.27836819778027044</v>
      </c>
      <c r="R213" s="95">
        <v>9.0530093490752556E-3</v>
      </c>
      <c r="S213" s="270">
        <v>0.2053987790172534</v>
      </c>
      <c r="T213" s="95">
        <v>7.3198847151487315E-3</v>
      </c>
      <c r="U213" s="270">
        <v>0.51623302320247622</v>
      </c>
      <c r="V213" s="95">
        <v>8.1199944306241459E-3</v>
      </c>
      <c r="W213" s="264">
        <v>11145</v>
      </c>
      <c r="X213" s="270">
        <v>0.28373117751478627</v>
      </c>
      <c r="Y213" s="95">
        <v>9.2444168925208108E-3</v>
      </c>
      <c r="Z213" s="270">
        <v>0.17173072612297313</v>
      </c>
      <c r="AA213" s="95">
        <v>7.0027058536529562E-3</v>
      </c>
      <c r="AB213" s="270">
        <v>0.5445380963622406</v>
      </c>
      <c r="AC213" s="95">
        <v>8.3688448886318871E-3</v>
      </c>
    </row>
    <row r="214" spans="1:29">
      <c r="A214" s="46" t="s">
        <v>443</v>
      </c>
      <c r="B214" s="267">
        <v>1021</v>
      </c>
      <c r="C214" s="271">
        <v>0.13471407814752126</v>
      </c>
      <c r="D214" s="98">
        <v>2.0994625665771378E-2</v>
      </c>
      <c r="E214" s="271">
        <v>0.15145765452062798</v>
      </c>
      <c r="F214" s="98">
        <v>2.2027719848861774E-2</v>
      </c>
      <c r="G214" s="271">
        <v>0.71382826733185079</v>
      </c>
      <c r="H214" s="98">
        <v>2.7693806130222196E-2</v>
      </c>
      <c r="I214" s="267">
        <v>980</v>
      </c>
      <c r="J214" s="271">
        <v>0.3490226607020559</v>
      </c>
      <c r="K214" s="98">
        <v>3.1223695971874302E-2</v>
      </c>
      <c r="L214" s="271">
        <v>0.1341456512357686</v>
      </c>
      <c r="M214" s="98">
        <v>2.1393907389688167E-2</v>
      </c>
      <c r="N214" s="271">
        <v>0.5168316880621755</v>
      </c>
      <c r="O214" s="98">
        <v>2.9795107201207819E-2</v>
      </c>
      <c r="P214" s="267">
        <v>909</v>
      </c>
      <c r="Q214" s="271">
        <v>0.21564024366493709</v>
      </c>
      <c r="R214" s="98">
        <v>3.2092559461989467E-2</v>
      </c>
      <c r="S214" s="271">
        <v>0.21175862749271718</v>
      </c>
      <c r="T214" s="98">
        <v>2.6559127600812939E-2</v>
      </c>
      <c r="U214" s="271">
        <v>0.57260112884234571</v>
      </c>
      <c r="V214" s="98">
        <v>2.6733079293754802E-2</v>
      </c>
      <c r="W214" s="267">
        <v>887</v>
      </c>
      <c r="X214" s="271">
        <v>0.20856524055441347</v>
      </c>
      <c r="Y214" s="98">
        <v>3.049244640169526E-2</v>
      </c>
      <c r="Z214" s="271">
        <v>0.10526229180950555</v>
      </c>
      <c r="AA214" s="98">
        <v>2.03000112239708E-2</v>
      </c>
      <c r="AB214" s="271">
        <v>0.68617246763608086</v>
      </c>
      <c r="AC214" s="98">
        <v>2.6738953374443666E-2</v>
      </c>
    </row>
    <row r="215" spans="1:29">
      <c r="A215" s="50" t="s">
        <v>434</v>
      </c>
      <c r="B215" s="51">
        <v>275</v>
      </c>
      <c r="C215" s="183">
        <v>0.11702216862913212</v>
      </c>
      <c r="D215" s="95">
        <v>3.8473813478382642E-2</v>
      </c>
      <c r="E215" s="183">
        <v>0.11102397679922575</v>
      </c>
      <c r="F215" s="95">
        <v>3.7660238340951314E-2</v>
      </c>
      <c r="G215" s="183">
        <v>0.77195385457164212</v>
      </c>
      <c r="H215" s="95">
        <v>4.9527079516669299E-2</v>
      </c>
      <c r="I215" s="51">
        <v>262</v>
      </c>
      <c r="J215" s="183">
        <v>0.43609621644016622</v>
      </c>
      <c r="K215" s="95">
        <v>5.9396368979016519E-2</v>
      </c>
      <c r="L215" s="183">
        <v>0.14068393864179665</v>
      </c>
      <c r="M215" s="95">
        <v>4.2445150934373517E-2</v>
      </c>
      <c r="N215" s="183">
        <v>0.42321984491803716</v>
      </c>
      <c r="O215" s="95">
        <v>5.9609643477483848E-2</v>
      </c>
      <c r="P215" s="51">
        <v>235</v>
      </c>
      <c r="Q215" s="183">
        <v>0.28390023783275886</v>
      </c>
      <c r="R215" s="95">
        <v>6.1584318847453329E-2</v>
      </c>
      <c r="S215" s="183">
        <v>0.33663590795599202</v>
      </c>
      <c r="T215" s="95">
        <v>6.0030643915463734E-2</v>
      </c>
      <c r="U215" s="183">
        <v>0.37946385421124901</v>
      </c>
      <c r="V215" s="95">
        <v>5.7382058626809999E-2</v>
      </c>
      <c r="W215" s="51">
        <v>236</v>
      </c>
      <c r="X215" s="183">
        <v>0.3403096117970662</v>
      </c>
      <c r="Y215" s="95">
        <v>6.2796462165223499E-2</v>
      </c>
      <c r="Z215" s="183">
        <v>9.8331844005666594E-2</v>
      </c>
      <c r="AA215" s="95">
        <v>3.8788648175226523E-2</v>
      </c>
      <c r="AB215" s="183">
        <v>0.56135854419726727</v>
      </c>
      <c r="AC215" s="95">
        <v>6.0058081590763937E-2</v>
      </c>
    </row>
    <row r="216" spans="1:29" ht="25.5">
      <c r="A216" s="46" t="s">
        <v>438</v>
      </c>
      <c r="B216" s="267">
        <v>59</v>
      </c>
      <c r="C216" s="271">
        <v>0.10965180700300005</v>
      </c>
      <c r="D216" s="98">
        <v>8.4235068555492162E-2</v>
      </c>
      <c r="E216" s="271">
        <v>2.3035425413286341E-2</v>
      </c>
      <c r="F216" s="98">
        <v>5.5478946285505482E-2</v>
      </c>
      <c r="G216" s="271">
        <v>0.86731276758371356</v>
      </c>
      <c r="H216" s="98">
        <v>8.9604364812267731E-2</v>
      </c>
      <c r="I216" s="267">
        <v>59</v>
      </c>
      <c r="J216" s="271">
        <v>0.5707705279996329</v>
      </c>
      <c r="K216" s="98">
        <v>0.10625271760083493</v>
      </c>
      <c r="L216" s="271">
        <v>0.20116455970317235</v>
      </c>
      <c r="M216" s="98">
        <v>0.10231571730000683</v>
      </c>
      <c r="N216" s="271">
        <v>0.22806491229719478</v>
      </c>
      <c r="O216" s="98">
        <v>0.12237887755540898</v>
      </c>
      <c r="P216" s="267">
        <v>54</v>
      </c>
      <c r="Q216" s="271">
        <v>0.26088395647564505</v>
      </c>
      <c r="R216" s="98">
        <v>0.11787707719804669</v>
      </c>
      <c r="S216" s="271">
        <v>0.45450722305029018</v>
      </c>
      <c r="T216" s="98">
        <v>0.12821777440034643</v>
      </c>
      <c r="U216" s="271">
        <v>0.28460882047406477</v>
      </c>
      <c r="V216" s="98">
        <v>0.11522111866328785</v>
      </c>
      <c r="W216" s="267">
        <v>53</v>
      </c>
      <c r="X216" s="271">
        <v>0.34599035423180663</v>
      </c>
      <c r="Y216" s="98">
        <v>0.12490789785603143</v>
      </c>
      <c r="Z216" s="271">
        <v>0.30030748863409901</v>
      </c>
      <c r="AA216" s="98">
        <v>0.12052184348382701</v>
      </c>
      <c r="AB216" s="271">
        <v>0.35370215713409436</v>
      </c>
      <c r="AC216" s="98">
        <v>0.12436654098771137</v>
      </c>
    </row>
    <row r="217" spans="1:29" ht="38.25">
      <c r="A217" s="54" t="s">
        <v>454</v>
      </c>
      <c r="B217" s="264">
        <v>69</v>
      </c>
      <c r="C217" s="270">
        <v>0</v>
      </c>
      <c r="D217" s="95">
        <v>3.7446907107483482E-2</v>
      </c>
      <c r="E217" s="270">
        <v>4.6385526113357049E-3</v>
      </c>
      <c r="F217" s="95">
        <v>4.0241066970867122E-2</v>
      </c>
      <c r="G217" s="270">
        <v>0.99536144738866428</v>
      </c>
      <c r="H217" s="95">
        <v>4.0241066970867163E-2</v>
      </c>
      <c r="I217" s="264">
        <v>65</v>
      </c>
      <c r="J217" s="270">
        <v>0.68344933123423957</v>
      </c>
      <c r="K217" s="95">
        <v>9.7138390976896707E-2</v>
      </c>
      <c r="L217" s="270">
        <v>0.11777309183348766</v>
      </c>
      <c r="M217" s="95">
        <v>8.18569139478494E-2</v>
      </c>
      <c r="N217" s="270">
        <v>0.19877757693227274</v>
      </c>
      <c r="O217" s="95">
        <v>0.11070728284584626</v>
      </c>
      <c r="P217" s="264">
        <v>56</v>
      </c>
      <c r="Q217" s="270">
        <v>0.41358713918099965</v>
      </c>
      <c r="R217" s="95">
        <v>9.7748879013819928E-2</v>
      </c>
      <c r="S217" s="270">
        <v>0.42652647011121608</v>
      </c>
      <c r="T217" s="95">
        <v>0.12532189241793359</v>
      </c>
      <c r="U217" s="270">
        <v>0.15988639070778429</v>
      </c>
      <c r="V217" s="95">
        <v>0.12486068029890754</v>
      </c>
      <c r="W217" s="264">
        <v>58</v>
      </c>
      <c r="X217" s="270">
        <v>0.26881494832968145</v>
      </c>
      <c r="Y217" s="95">
        <v>0.12371398710862661</v>
      </c>
      <c r="Z217" s="270">
        <v>0.28962248030994392</v>
      </c>
      <c r="AA217" s="95">
        <v>0.11441341899271729</v>
      </c>
      <c r="AB217" s="270">
        <v>0.44156257136037458</v>
      </c>
      <c r="AC217" s="95">
        <v>0.11221509686629381</v>
      </c>
    </row>
    <row r="218" spans="1:29" ht="25.5">
      <c r="A218" s="46" t="s">
        <v>444</v>
      </c>
      <c r="B218" s="267">
        <v>113</v>
      </c>
      <c r="C218" s="271">
        <v>0.14188329940235964</v>
      </c>
      <c r="D218" s="98">
        <v>6.5426641833824059E-2</v>
      </c>
      <c r="E218" s="271">
        <v>0.15892548916047566</v>
      </c>
      <c r="F218" s="98">
        <v>6.8158601701769433E-2</v>
      </c>
      <c r="G218" s="271">
        <v>0.69919121143716478</v>
      </c>
      <c r="H218" s="98">
        <v>8.3626166562035295E-2</v>
      </c>
      <c r="I218" s="267">
        <v>107</v>
      </c>
      <c r="J218" s="271">
        <v>0.33013279214785274</v>
      </c>
      <c r="K218" s="98">
        <v>9.264886374701034E-2</v>
      </c>
      <c r="L218" s="271">
        <v>0.12373539015742641</v>
      </c>
      <c r="M218" s="98">
        <v>6.402541501764894E-2</v>
      </c>
      <c r="N218" s="271">
        <v>0.54613181769472086</v>
      </c>
      <c r="O218" s="98">
        <v>8.7887945510117985E-2</v>
      </c>
      <c r="P218" s="267">
        <v>95</v>
      </c>
      <c r="Q218" s="271">
        <v>0.26601120169499848</v>
      </c>
      <c r="R218" s="98">
        <v>9.7903007995985017E-2</v>
      </c>
      <c r="S218" s="271">
        <v>0.29096886285995138</v>
      </c>
      <c r="T218" s="98">
        <v>9.0220553610536061E-2</v>
      </c>
      <c r="U218" s="271">
        <v>0.44301993544505019</v>
      </c>
      <c r="V218" s="98">
        <v>8.8003818345871662E-2</v>
      </c>
      <c r="W218" s="267">
        <v>94</v>
      </c>
      <c r="X218" s="271">
        <v>0.34618146763385116</v>
      </c>
      <c r="Y218" s="98">
        <v>9.5598343174862072E-2</v>
      </c>
      <c r="Z218" s="271">
        <v>1.8442519104842126E-2</v>
      </c>
      <c r="AA218" s="98">
        <v>3.7901738744229932E-2</v>
      </c>
      <c r="AB218" s="271">
        <v>0.63537601326130666</v>
      </c>
      <c r="AC218" s="98">
        <v>9.4586942944400829E-2</v>
      </c>
    </row>
    <row r="219" spans="1:29">
      <c r="A219" s="54" t="s">
        <v>445</v>
      </c>
      <c r="B219" s="264">
        <v>237</v>
      </c>
      <c r="C219" s="270">
        <v>6.6712376657534558E-2</v>
      </c>
      <c r="D219" s="95">
        <v>3.30300462598207E-2</v>
      </c>
      <c r="E219" s="270">
        <v>4.6828763038168617E-2</v>
      </c>
      <c r="F219" s="95">
        <v>2.8622896629064996E-2</v>
      </c>
      <c r="G219" s="270">
        <v>0.88645886030429677</v>
      </c>
      <c r="H219" s="95">
        <v>4.1021334487191578E-2</v>
      </c>
      <c r="I219" s="264">
        <v>231</v>
      </c>
      <c r="J219" s="270">
        <v>0.44148477336200548</v>
      </c>
      <c r="K219" s="95">
        <v>6.3407527695587815E-2</v>
      </c>
      <c r="L219" s="270">
        <v>0.12329966002433455</v>
      </c>
      <c r="M219" s="95">
        <v>4.2957907486782021E-2</v>
      </c>
      <c r="N219" s="270">
        <v>0.4352155666136599</v>
      </c>
      <c r="O219" s="95">
        <v>6.3503734728961606E-2</v>
      </c>
      <c r="P219" s="264">
        <v>214</v>
      </c>
      <c r="Q219" s="270">
        <v>0.3074097431160106</v>
      </c>
      <c r="R219" s="95">
        <v>6.634491806625227E-2</v>
      </c>
      <c r="S219" s="270">
        <v>0.20766006920961902</v>
      </c>
      <c r="T219" s="95">
        <v>5.4352924179761383E-2</v>
      </c>
      <c r="U219" s="270">
        <v>0.48493018767437041</v>
      </c>
      <c r="V219" s="95">
        <v>6.14463353014192E-2</v>
      </c>
      <c r="W219" s="264">
        <v>208</v>
      </c>
      <c r="X219" s="270">
        <v>0.23174862238898464</v>
      </c>
      <c r="Y219" s="95">
        <v>6.5758973119057471E-2</v>
      </c>
      <c r="Z219" s="270">
        <v>0.15959350281875814</v>
      </c>
      <c r="AA219" s="95">
        <v>5.0088987480323172E-2</v>
      </c>
      <c r="AB219" s="270">
        <v>0.60865787479225719</v>
      </c>
      <c r="AC219" s="95">
        <v>5.7227460711191142E-2</v>
      </c>
    </row>
    <row r="220" spans="1:29">
      <c r="A220" s="46" t="s">
        <v>446</v>
      </c>
      <c r="B220" s="267">
        <v>122</v>
      </c>
      <c r="C220" s="271">
        <v>2.1002270892743761E-2</v>
      </c>
      <c r="D220" s="98">
        <v>3.2618793147582557E-2</v>
      </c>
      <c r="E220" s="271">
        <v>5.1259395664188787E-2</v>
      </c>
      <c r="F220" s="98">
        <v>4.3201309719763659E-2</v>
      </c>
      <c r="G220" s="271">
        <v>0.92773833344306744</v>
      </c>
      <c r="H220" s="98">
        <v>4.8913447780329238E-2</v>
      </c>
      <c r="I220" s="267">
        <v>119</v>
      </c>
      <c r="J220" s="271">
        <v>0.38298201889680583</v>
      </c>
      <c r="K220" s="98">
        <v>8.8363310588722446E-2</v>
      </c>
      <c r="L220" s="271">
        <v>0.11839487364734878</v>
      </c>
      <c r="M220" s="98">
        <v>5.959008581623134E-2</v>
      </c>
      <c r="N220" s="271">
        <v>0.49862310745584543</v>
      </c>
      <c r="O220" s="98">
        <v>8.6068696677130796E-2</v>
      </c>
      <c r="P220" s="267">
        <v>111</v>
      </c>
      <c r="Q220" s="271">
        <v>0.29242478960008977</v>
      </c>
      <c r="R220" s="98">
        <v>9.1385234990992811E-2</v>
      </c>
      <c r="S220" s="271">
        <v>0.20639739786027536</v>
      </c>
      <c r="T220" s="98">
        <v>7.5289631088261366E-2</v>
      </c>
      <c r="U220" s="271">
        <v>0.50117781253963489</v>
      </c>
      <c r="V220" s="98">
        <v>8.3727804121445315E-2</v>
      </c>
      <c r="W220" s="267">
        <v>106</v>
      </c>
      <c r="X220" s="271">
        <v>0.22917731158017526</v>
      </c>
      <c r="Y220" s="98">
        <v>9.0052854996536341E-2</v>
      </c>
      <c r="Z220" s="271">
        <v>0.13239911417071834</v>
      </c>
      <c r="AA220" s="98">
        <v>6.5944228444427475E-2</v>
      </c>
      <c r="AB220" s="271">
        <v>0.63842357424910645</v>
      </c>
      <c r="AC220" s="98">
        <v>7.9701563669915251E-2</v>
      </c>
    </row>
    <row r="221" spans="1:29">
      <c r="A221" s="54" t="s">
        <v>447</v>
      </c>
      <c r="B221" s="264">
        <v>115</v>
      </c>
      <c r="C221" s="270">
        <v>0.13707727593605615</v>
      </c>
      <c r="D221" s="95">
        <v>6.4028357104048042E-2</v>
      </c>
      <c r="E221" s="270">
        <v>4.0008367126720491E-2</v>
      </c>
      <c r="F221" s="95">
        <v>4.1126386202030206E-2</v>
      </c>
      <c r="G221" s="270">
        <v>0.82291435693722337</v>
      </c>
      <c r="H221" s="95">
        <v>7.0191767555473641E-2</v>
      </c>
      <c r="I221" s="264">
        <v>112</v>
      </c>
      <c r="J221" s="270">
        <v>0.52832170291367875</v>
      </c>
      <c r="K221" s="95">
        <v>8.6601291086946419E-2</v>
      </c>
      <c r="L221" s="270">
        <v>0.1305799426875667</v>
      </c>
      <c r="M221" s="95">
        <v>6.3765824635808016E-2</v>
      </c>
      <c r="N221" s="270">
        <v>0.34109835439875458</v>
      </c>
      <c r="O221" s="95">
        <v>9.0854536443692097E-2</v>
      </c>
      <c r="P221" s="264">
        <v>103</v>
      </c>
      <c r="Q221" s="270">
        <v>0.3302250359391451</v>
      </c>
      <c r="R221" s="95">
        <v>9.446153700669789E-2</v>
      </c>
      <c r="S221" s="270">
        <v>0.20958254541510413</v>
      </c>
      <c r="T221" s="95">
        <v>7.8547730848939901E-2</v>
      </c>
      <c r="U221" s="270">
        <v>0.46019241864575083</v>
      </c>
      <c r="V221" s="95">
        <v>8.953647605467531E-2</v>
      </c>
      <c r="W221" s="264">
        <v>102</v>
      </c>
      <c r="X221" s="270">
        <v>0.23541225898504164</v>
      </c>
      <c r="Y221" s="95">
        <v>9.4409223565777176E-2</v>
      </c>
      <c r="Z221" s="270">
        <v>0.19834041630623686</v>
      </c>
      <c r="AA221" s="95">
        <v>7.7502631172551642E-2</v>
      </c>
      <c r="AB221" s="270">
        <v>0.56624732470872152</v>
      </c>
      <c r="AC221" s="95">
        <v>8.192130257350963E-2</v>
      </c>
    </row>
    <row r="222" spans="1:29" s="5" customFormat="1"/>
    <row r="227" spans="1:4" ht="18.75">
      <c r="A227" s="327" t="s">
        <v>20</v>
      </c>
      <c r="B227" s="327"/>
      <c r="C227" s="327"/>
      <c r="D227" s="327"/>
    </row>
    <row r="228" spans="1:4" ht="126.75" customHeight="1">
      <c r="A228" s="360" t="s">
        <v>418</v>
      </c>
      <c r="B228" s="360"/>
      <c r="C228" s="360"/>
      <c r="D228" s="360"/>
    </row>
    <row r="229" spans="1:4" ht="38.25" customHeight="1">
      <c r="A229" s="329" t="s">
        <v>279</v>
      </c>
      <c r="B229" s="329"/>
      <c r="C229" s="329"/>
      <c r="D229" s="329"/>
    </row>
    <row r="230" spans="1:4" ht="40.5" customHeight="1">
      <c r="A230" s="34" t="s">
        <v>114</v>
      </c>
      <c r="B230" s="35" t="s">
        <v>115</v>
      </c>
      <c r="C230" s="36" t="s">
        <v>116</v>
      </c>
      <c r="D230" s="37" t="s">
        <v>117</v>
      </c>
    </row>
    <row r="231" spans="1:4" ht="72">
      <c r="A231" s="38"/>
      <c r="B231" s="39" t="s">
        <v>118</v>
      </c>
      <c r="C231" s="130" t="s">
        <v>280</v>
      </c>
      <c r="D231" s="41" t="s">
        <v>120</v>
      </c>
    </row>
    <row r="232" spans="1:4">
      <c r="A232" s="42" t="s">
        <v>442</v>
      </c>
      <c r="B232" s="272">
        <v>12701</v>
      </c>
      <c r="C232" s="273">
        <v>5.9203986620724827</v>
      </c>
      <c r="D232" s="274">
        <v>3.2165946320403371E-2</v>
      </c>
    </row>
    <row r="233" spans="1:4">
      <c r="A233" s="46" t="s">
        <v>443</v>
      </c>
      <c r="B233" s="275">
        <v>994</v>
      </c>
      <c r="C233" s="276">
        <v>5.8991557067700358</v>
      </c>
      <c r="D233" s="277">
        <v>0.1110663588471521</v>
      </c>
    </row>
    <row r="234" spans="1:4">
      <c r="A234" s="50" t="s">
        <v>434</v>
      </c>
      <c r="B234" s="80">
        <v>273</v>
      </c>
      <c r="C234" s="81">
        <v>6.1198147515717158</v>
      </c>
      <c r="D234" s="82">
        <v>0.20842548616112744</v>
      </c>
    </row>
    <row r="235" spans="1:4" ht="25.5">
      <c r="A235" s="46" t="s">
        <v>438</v>
      </c>
      <c r="B235" s="275">
        <v>58</v>
      </c>
      <c r="C235" s="276">
        <v>6.1474927361568596</v>
      </c>
      <c r="D235" s="277">
        <v>0.41189934644900728</v>
      </c>
    </row>
    <row r="236" spans="1:4" ht="38.25">
      <c r="A236" s="54" t="s">
        <v>454</v>
      </c>
      <c r="B236" s="272">
        <v>68</v>
      </c>
      <c r="C236" s="273">
        <v>6.296700301690267</v>
      </c>
      <c r="D236" s="274">
        <v>0.2043537940833895</v>
      </c>
    </row>
    <row r="237" spans="1:4" ht="25.5">
      <c r="A237" s="46" t="s">
        <v>444</v>
      </c>
      <c r="B237" s="275">
        <v>113</v>
      </c>
      <c r="C237" s="276">
        <v>6.0646391908676316</v>
      </c>
      <c r="D237" s="277">
        <v>0.28216605082094937</v>
      </c>
    </row>
    <row r="238" spans="1:4">
      <c r="A238" s="54" t="s">
        <v>445</v>
      </c>
      <c r="B238" s="272">
        <v>237</v>
      </c>
      <c r="C238" s="273">
        <v>5.6957541261507618</v>
      </c>
      <c r="D238" s="274">
        <v>0.25530899855696898</v>
      </c>
    </row>
    <row r="239" spans="1:4">
      <c r="A239" s="46" t="s">
        <v>446</v>
      </c>
      <c r="B239" s="275">
        <v>122</v>
      </c>
      <c r="C239" s="276">
        <v>5.6812472514124615</v>
      </c>
      <c r="D239" s="277">
        <v>0.39251415460528793</v>
      </c>
    </row>
    <row r="240" spans="1:4">
      <c r="A240" s="54" t="s">
        <v>447</v>
      </c>
      <c r="B240" s="272">
        <v>115</v>
      </c>
      <c r="C240" s="273">
        <v>5.7180911853742735</v>
      </c>
      <c r="D240" s="274">
        <v>0.23462912812207382</v>
      </c>
    </row>
    <row r="241" spans="1:22" s="5" customFormat="1"/>
    <row r="246" spans="1:22" ht="18.75">
      <c r="A246" s="327" t="s">
        <v>71</v>
      </c>
      <c r="B246" s="327"/>
      <c r="C246" s="327"/>
      <c r="D246" s="327"/>
      <c r="E246" s="327"/>
      <c r="F246" s="327"/>
      <c r="G246" s="327"/>
      <c r="H246" s="327"/>
      <c r="I246" s="327"/>
      <c r="J246" s="327"/>
      <c r="K246" s="327"/>
      <c r="L246" s="327"/>
      <c r="M246" s="327"/>
      <c r="N246" s="327"/>
      <c r="O246" s="327"/>
      <c r="P246" s="327"/>
      <c r="Q246" s="327"/>
      <c r="R246" s="327"/>
      <c r="S246" s="327"/>
      <c r="T246" s="327"/>
      <c r="U246" s="327"/>
      <c r="V246" s="327"/>
    </row>
    <row r="247" spans="1:22" ht="53.25" customHeight="1">
      <c r="A247" s="360" t="s">
        <v>419</v>
      </c>
      <c r="B247" s="360"/>
      <c r="C247" s="360"/>
      <c r="D247" s="360"/>
      <c r="E247" s="360"/>
      <c r="F247" s="360"/>
      <c r="G247" s="360"/>
      <c r="H247" s="360"/>
      <c r="I247" s="360"/>
      <c r="J247" s="360"/>
      <c r="K247" s="360"/>
      <c r="L247" s="360"/>
      <c r="M247" s="360"/>
      <c r="N247" s="360"/>
      <c r="O247" s="360"/>
      <c r="P247" s="360"/>
      <c r="Q247" s="360"/>
      <c r="R247" s="360"/>
      <c r="S247" s="360"/>
      <c r="T247" s="360"/>
      <c r="U247" s="360"/>
      <c r="V247" s="360"/>
    </row>
    <row r="248" spans="1:22" ht="35.25" customHeight="1">
      <c r="A248" s="61"/>
      <c r="B248" s="347" t="s">
        <v>420</v>
      </c>
      <c r="C248" s="347"/>
      <c r="D248" s="347"/>
      <c r="E248" s="347"/>
      <c r="F248" s="347"/>
      <c r="G248" s="347"/>
      <c r="H248" s="347"/>
      <c r="I248" s="347" t="s">
        <v>281</v>
      </c>
      <c r="J248" s="347"/>
      <c r="K248" s="347"/>
      <c r="L248" s="347"/>
      <c r="M248" s="347"/>
      <c r="N248" s="347"/>
      <c r="O248" s="347"/>
      <c r="P248" s="347" t="s">
        <v>282</v>
      </c>
      <c r="Q248" s="347"/>
      <c r="R248" s="347"/>
      <c r="S248" s="347"/>
      <c r="T248" s="347"/>
      <c r="U248" s="347"/>
      <c r="V248" s="347"/>
    </row>
    <row r="249" spans="1:22" ht="37.5" customHeight="1">
      <c r="A249" s="34" t="s">
        <v>114</v>
      </c>
      <c r="B249" s="35" t="s">
        <v>115</v>
      </c>
      <c r="C249" s="35" t="s">
        <v>300</v>
      </c>
      <c r="D249" s="90" t="s">
        <v>145</v>
      </c>
      <c r="E249" s="35" t="s">
        <v>301</v>
      </c>
      <c r="F249" s="90" t="s">
        <v>146</v>
      </c>
      <c r="G249" s="35" t="s">
        <v>302</v>
      </c>
      <c r="H249" s="90" t="s">
        <v>147</v>
      </c>
      <c r="I249" s="62" t="s">
        <v>115</v>
      </c>
      <c r="J249" s="62" t="s">
        <v>300</v>
      </c>
      <c r="K249" s="89" t="s">
        <v>145</v>
      </c>
      <c r="L249" s="62" t="s">
        <v>301</v>
      </c>
      <c r="M249" s="89" t="s">
        <v>146</v>
      </c>
      <c r="N249" s="62" t="s">
        <v>302</v>
      </c>
      <c r="O249" s="89" t="s">
        <v>147</v>
      </c>
      <c r="P249" s="35" t="s">
        <v>115</v>
      </c>
      <c r="Q249" s="35" t="s">
        <v>300</v>
      </c>
      <c r="R249" s="90" t="s">
        <v>145</v>
      </c>
      <c r="S249" s="35" t="s">
        <v>301</v>
      </c>
      <c r="T249" s="90" t="s">
        <v>146</v>
      </c>
      <c r="U249" s="35" t="s">
        <v>302</v>
      </c>
      <c r="V249" s="90" t="s">
        <v>147</v>
      </c>
    </row>
    <row r="250" spans="1:22" ht="72">
      <c r="A250" s="38"/>
      <c r="B250" s="39" t="s">
        <v>118</v>
      </c>
      <c r="C250" s="39" t="s">
        <v>303</v>
      </c>
      <c r="D250" s="92" t="s">
        <v>148</v>
      </c>
      <c r="E250" s="39" t="s">
        <v>304</v>
      </c>
      <c r="F250" s="92" t="s">
        <v>148</v>
      </c>
      <c r="G250" s="39" t="s">
        <v>305</v>
      </c>
      <c r="H250" s="92" t="s">
        <v>148</v>
      </c>
      <c r="I250" s="65" t="s">
        <v>118</v>
      </c>
      <c r="J250" s="65" t="s">
        <v>303</v>
      </c>
      <c r="K250" s="91" t="s">
        <v>148</v>
      </c>
      <c r="L250" s="65" t="s">
        <v>304</v>
      </c>
      <c r="M250" s="91" t="s">
        <v>148</v>
      </c>
      <c r="N250" s="65" t="s">
        <v>305</v>
      </c>
      <c r="O250" s="91" t="s">
        <v>148</v>
      </c>
      <c r="P250" s="39" t="s">
        <v>118</v>
      </c>
      <c r="Q250" s="39" t="s">
        <v>303</v>
      </c>
      <c r="R250" s="92" t="s">
        <v>148</v>
      </c>
      <c r="S250" s="39" t="s">
        <v>304</v>
      </c>
      <c r="T250" s="92" t="s">
        <v>148</v>
      </c>
      <c r="U250" s="39" t="s">
        <v>305</v>
      </c>
      <c r="V250" s="92" t="s">
        <v>148</v>
      </c>
    </row>
    <row r="251" spans="1:22">
      <c r="A251" s="42" t="s">
        <v>442</v>
      </c>
      <c r="B251" s="272">
        <v>13042</v>
      </c>
      <c r="C251" s="278">
        <v>4.2418202049846795E-2</v>
      </c>
      <c r="D251" s="95">
        <v>3.4639105184031808E-3</v>
      </c>
      <c r="E251" s="278">
        <v>4.8131275105299007E-2</v>
      </c>
      <c r="F251" s="95">
        <v>3.6780036046176402E-3</v>
      </c>
      <c r="G251" s="278">
        <v>0.90945052284485417</v>
      </c>
      <c r="H251" s="95">
        <v>4.9274334818729089E-3</v>
      </c>
      <c r="I251" s="272">
        <v>13032</v>
      </c>
      <c r="J251" s="278">
        <v>0.11197319202819493</v>
      </c>
      <c r="K251" s="95">
        <v>5.4157127460220094E-3</v>
      </c>
      <c r="L251" s="278">
        <v>0.12688942141380696</v>
      </c>
      <c r="M251" s="95">
        <v>5.7160837996128302E-3</v>
      </c>
      <c r="N251" s="278">
        <v>0.76113738655799812</v>
      </c>
      <c r="O251" s="95">
        <v>7.3204787242457433E-3</v>
      </c>
      <c r="P251" s="272">
        <v>12881</v>
      </c>
      <c r="Q251" s="278">
        <v>4.6506186937955427E-2</v>
      </c>
      <c r="R251" s="95">
        <v>3.6412663693756136E-3</v>
      </c>
      <c r="S251" s="278">
        <v>5.6426815123594432E-2</v>
      </c>
      <c r="T251" s="95">
        <v>3.9887976536459382E-3</v>
      </c>
      <c r="U251" s="278">
        <v>0.89706699793845013</v>
      </c>
      <c r="V251" s="95">
        <v>5.2496900555352747E-3</v>
      </c>
    </row>
    <row r="252" spans="1:22">
      <c r="A252" s="46" t="s">
        <v>443</v>
      </c>
      <c r="B252" s="275">
        <v>1017</v>
      </c>
      <c r="C252" s="279">
        <v>2.5504997897407743E-2</v>
      </c>
      <c r="D252" s="98">
        <v>1.0007087550283306E-2</v>
      </c>
      <c r="E252" s="279">
        <v>6.2364453523736367E-2</v>
      </c>
      <c r="F252" s="98">
        <v>1.5021753424064647E-2</v>
      </c>
      <c r="G252" s="279">
        <v>0.91213054857885589</v>
      </c>
      <c r="H252" s="98">
        <v>1.7508939083081286E-2</v>
      </c>
      <c r="I252" s="275">
        <v>1013</v>
      </c>
      <c r="J252" s="279">
        <v>9.7479774680906017E-2</v>
      </c>
      <c r="K252" s="98">
        <v>1.8361088788165052E-2</v>
      </c>
      <c r="L252" s="279">
        <v>0.16756210380606534</v>
      </c>
      <c r="M252" s="98">
        <v>2.3025334293566485E-2</v>
      </c>
      <c r="N252" s="279">
        <v>0.73495812151302864</v>
      </c>
      <c r="O252" s="98">
        <v>2.7156059062018355E-2</v>
      </c>
      <c r="P252" s="275">
        <v>991</v>
      </c>
      <c r="Q252" s="279">
        <v>4.6333446927533571E-2</v>
      </c>
      <c r="R252" s="98">
        <v>1.3303254415438054E-2</v>
      </c>
      <c r="S252" s="279">
        <v>2.9109091934439321E-2</v>
      </c>
      <c r="T252" s="98">
        <v>1.0769651394130695E-2</v>
      </c>
      <c r="U252" s="279">
        <v>0.92455746113802706</v>
      </c>
      <c r="V252" s="98">
        <v>1.6579684251078988E-2</v>
      </c>
    </row>
    <row r="253" spans="1:22">
      <c r="A253" s="50" t="s">
        <v>434</v>
      </c>
      <c r="B253" s="51">
        <v>273</v>
      </c>
      <c r="C253" s="183">
        <v>2.2607526059565928E-2</v>
      </c>
      <c r="D253" s="95">
        <v>1.9926641223276115E-2</v>
      </c>
      <c r="E253" s="183">
        <v>5.7305992849176784E-2</v>
      </c>
      <c r="F253" s="95">
        <v>2.8760023751714173E-2</v>
      </c>
      <c r="G253" s="183">
        <v>0.92008648109125724</v>
      </c>
      <c r="H253" s="95">
        <v>3.301354670576323E-2</v>
      </c>
      <c r="I253" s="51">
        <v>273</v>
      </c>
      <c r="J253" s="183">
        <v>6.0836969438123341E-2</v>
      </c>
      <c r="K253" s="95">
        <v>2.9480248034678077E-2</v>
      </c>
      <c r="L253" s="183">
        <v>0.10401411457557727</v>
      </c>
      <c r="M253" s="95">
        <v>3.6808131775845736E-2</v>
      </c>
      <c r="N253" s="183">
        <v>0.83514891598629937</v>
      </c>
      <c r="O253" s="95">
        <v>4.4204373480269434E-2</v>
      </c>
      <c r="P253" s="280">
        <v>269</v>
      </c>
      <c r="Q253" s="183">
        <v>3.2687960351282033E-2</v>
      </c>
      <c r="R253" s="95">
        <v>2.3115671464428566E-2</v>
      </c>
      <c r="S253" s="183">
        <v>2.492232785661028E-2</v>
      </c>
      <c r="T253" s="95">
        <v>2.0841040578390476E-2</v>
      </c>
      <c r="U253" s="183">
        <v>0.94238971179210773</v>
      </c>
      <c r="V253" s="95">
        <v>2.9053190739030087E-2</v>
      </c>
    </row>
    <row r="254" spans="1:22" ht="25.5">
      <c r="A254" s="46" t="s">
        <v>438</v>
      </c>
      <c r="B254" s="275">
        <v>59</v>
      </c>
      <c r="C254" s="279">
        <v>0</v>
      </c>
      <c r="D254" s="98">
        <v>4.3293745766525796E-2</v>
      </c>
      <c r="E254" s="279">
        <v>8.7513391688832987E-2</v>
      </c>
      <c r="F254" s="98">
        <v>7.8390137701509363E-2</v>
      </c>
      <c r="G254" s="279">
        <v>0.91248660831116701</v>
      </c>
      <c r="H254" s="98">
        <v>7.8390137701509377E-2</v>
      </c>
      <c r="I254" s="275">
        <v>58</v>
      </c>
      <c r="J254" s="279">
        <v>0.12258751647589981</v>
      </c>
      <c r="K254" s="98">
        <v>8.8128424818414347E-2</v>
      </c>
      <c r="L254" s="279">
        <v>1.23707606002782E-2</v>
      </c>
      <c r="M254" s="98">
        <v>5.095852891859682E-2</v>
      </c>
      <c r="N254" s="279">
        <v>0.86504172292382198</v>
      </c>
      <c r="O254" s="98">
        <v>9.0910139289491057E-2</v>
      </c>
      <c r="P254" s="275">
        <v>57</v>
      </c>
      <c r="Q254" s="279">
        <v>2.7910638804414883E-2</v>
      </c>
      <c r="R254" s="98">
        <v>5.9068195970411574E-2</v>
      </c>
      <c r="S254" s="279">
        <v>1.104163710531016E-2</v>
      </c>
      <c r="T254" s="98">
        <v>5.0966477924783704E-2</v>
      </c>
      <c r="U254" s="279">
        <v>0.96104772409027495</v>
      </c>
      <c r="V254" s="98">
        <v>6.368374020250081E-2</v>
      </c>
    </row>
    <row r="255" spans="1:22" ht="38.25">
      <c r="A255" s="54" t="s">
        <v>454</v>
      </c>
      <c r="B255" s="272">
        <v>68</v>
      </c>
      <c r="C255" s="278">
        <v>1.5957240794775929E-3</v>
      </c>
      <c r="D255" s="95">
        <v>3.8945495408322699E-2</v>
      </c>
      <c r="E255" s="278">
        <v>3.3195501459472837E-2</v>
      </c>
      <c r="F255" s="95">
        <v>5.4482298728416825E-2</v>
      </c>
      <c r="G255" s="278">
        <v>0.96520877446104958</v>
      </c>
      <c r="H255" s="95">
        <v>5.5128043414989239E-2</v>
      </c>
      <c r="I255" s="272">
        <v>68</v>
      </c>
      <c r="J255" s="278">
        <v>5.4659239538792849E-2</v>
      </c>
      <c r="K255" s="95">
        <v>6.2450589390251735E-2</v>
      </c>
      <c r="L255" s="278">
        <v>0.17652304468647964</v>
      </c>
      <c r="M255" s="95">
        <v>9.1427597099216482E-2</v>
      </c>
      <c r="N255" s="278">
        <v>0.76881771577472746</v>
      </c>
      <c r="O255" s="95">
        <v>9.9497545638706955E-2</v>
      </c>
      <c r="P255" s="272">
        <v>66</v>
      </c>
      <c r="Q255" s="278">
        <v>7.1097753934028847E-4</v>
      </c>
      <c r="R255" s="95">
        <v>3.9469759842332003E-2</v>
      </c>
      <c r="S255" s="278">
        <v>3.1988216436368774E-3</v>
      </c>
      <c r="T255" s="95">
        <v>4.0972702354426509E-2</v>
      </c>
      <c r="U255" s="278">
        <v>0.99609020081702282</v>
      </c>
      <c r="V255" s="95">
        <v>4.1390848840297291E-2</v>
      </c>
    </row>
    <row r="256" spans="1:22" ht="25.5">
      <c r="A256" s="46" t="s">
        <v>444</v>
      </c>
      <c r="B256" s="275">
        <v>112</v>
      </c>
      <c r="C256" s="279">
        <v>3.3943156394797745E-2</v>
      </c>
      <c r="D256" s="98">
        <v>3.9667224270515625E-2</v>
      </c>
      <c r="E256" s="279">
        <v>5.3750225042009228E-2</v>
      </c>
      <c r="F256" s="98">
        <v>4.6166671587715966E-2</v>
      </c>
      <c r="G256" s="279">
        <v>0.91230661856319306</v>
      </c>
      <c r="H256" s="98">
        <v>5.5055031501324854E-2</v>
      </c>
      <c r="I256" s="275">
        <v>114</v>
      </c>
      <c r="J256" s="279">
        <v>4.3092682915032272E-2</v>
      </c>
      <c r="K256" s="98">
        <v>4.2372605441089256E-2</v>
      </c>
      <c r="L256" s="279">
        <v>0.12930468150896929</v>
      </c>
      <c r="M256" s="98">
        <v>6.295608201093493E-2</v>
      </c>
      <c r="N256" s="279">
        <v>0.82760263557599845</v>
      </c>
      <c r="O256" s="98">
        <v>6.9841494717517758E-2</v>
      </c>
      <c r="P256" s="275">
        <v>113</v>
      </c>
      <c r="Q256" s="279">
        <v>3.9721399289627084E-2</v>
      </c>
      <c r="R256" s="98">
        <v>4.1471881687957998E-2</v>
      </c>
      <c r="S256" s="279">
        <v>3.0925802948235909E-2</v>
      </c>
      <c r="T256" s="98">
        <v>3.8334858166410989E-2</v>
      </c>
      <c r="U256" s="279">
        <v>0.92935279776213697</v>
      </c>
      <c r="V256" s="98">
        <v>5.0621713357835434E-2</v>
      </c>
    </row>
    <row r="257" spans="1:22">
      <c r="A257" s="54" t="s">
        <v>445</v>
      </c>
      <c r="B257" s="272">
        <v>238</v>
      </c>
      <c r="C257" s="278">
        <v>4.6679803615237582E-2</v>
      </c>
      <c r="D257" s="95">
        <v>2.8519673518599652E-2</v>
      </c>
      <c r="E257" s="278">
        <v>3.8171180157657282E-2</v>
      </c>
      <c r="F257" s="95">
        <v>2.6340384563909136E-2</v>
      </c>
      <c r="G257" s="278">
        <v>0.91514901622710509</v>
      </c>
      <c r="H257" s="95">
        <v>3.6364304279146956E-2</v>
      </c>
      <c r="I257" s="272">
        <v>235</v>
      </c>
      <c r="J257" s="278">
        <v>0.11744450322019502</v>
      </c>
      <c r="K257" s="95">
        <v>4.1762837815494482E-2</v>
      </c>
      <c r="L257" s="278">
        <v>0.11388886399401123</v>
      </c>
      <c r="M257" s="95">
        <v>4.1251205088011424E-2</v>
      </c>
      <c r="N257" s="278">
        <v>0.76866663278579372</v>
      </c>
      <c r="O257" s="95">
        <v>5.3820975114806373E-2</v>
      </c>
      <c r="P257" s="272">
        <v>230</v>
      </c>
      <c r="Q257" s="281">
        <v>7.179626268636656E-2</v>
      </c>
      <c r="R257" s="95">
        <v>3.4584597750115048E-2</v>
      </c>
      <c r="S257" s="278">
        <v>7.5259271940391864E-2</v>
      </c>
      <c r="T257" s="95">
        <v>3.5255393762395885E-2</v>
      </c>
      <c r="U257" s="278">
        <v>0.85294446537324164</v>
      </c>
      <c r="V257" s="95">
        <v>4.6135874732185479E-2</v>
      </c>
    </row>
    <row r="258" spans="1:22">
      <c r="A258" s="46" t="s">
        <v>446</v>
      </c>
      <c r="B258" s="275">
        <v>123</v>
      </c>
      <c r="C258" s="279">
        <v>6.987604938867141E-2</v>
      </c>
      <c r="D258" s="98">
        <v>4.8093037385152596E-2</v>
      </c>
      <c r="E258" s="279">
        <v>3.1856955496934604E-2</v>
      </c>
      <c r="F258" s="98">
        <v>3.6659953971477373E-2</v>
      </c>
      <c r="G258" s="279">
        <v>0.89826699511439401</v>
      </c>
      <c r="H258" s="98">
        <v>5.5332760160363439E-2</v>
      </c>
      <c r="I258" s="275">
        <v>123</v>
      </c>
      <c r="J258" s="279">
        <v>0.11146065141552955</v>
      </c>
      <c r="K258" s="98">
        <v>5.7261486613372735E-2</v>
      </c>
      <c r="L258" s="279">
        <v>0.12169380090332826</v>
      </c>
      <c r="M258" s="98">
        <v>5.9173733892129744E-2</v>
      </c>
      <c r="N258" s="279">
        <v>0.76684554768114221</v>
      </c>
      <c r="O258" s="98">
        <v>7.4443493543082398E-2</v>
      </c>
      <c r="P258" s="275">
        <v>120</v>
      </c>
      <c r="Q258" s="279">
        <v>8.0964402220435272E-2</v>
      </c>
      <c r="R258" s="98">
        <v>5.1483451171098711E-2</v>
      </c>
      <c r="S258" s="279">
        <v>0.11355270595316511</v>
      </c>
      <c r="T258" s="98">
        <v>5.841358580864333E-2</v>
      </c>
      <c r="U258" s="279">
        <v>0.80548289182639965</v>
      </c>
      <c r="V258" s="98">
        <v>7.0975829662456746E-2</v>
      </c>
    </row>
    <row r="259" spans="1:22">
      <c r="A259" s="54" t="s">
        <v>447</v>
      </c>
      <c r="B259" s="272">
        <v>115</v>
      </c>
      <c r="C259" s="278">
        <v>1.0965669196750209E-2</v>
      </c>
      <c r="D259" s="95">
        <v>2.933284948900149E-2</v>
      </c>
      <c r="E259" s="278">
        <v>4.7892885578620099E-2</v>
      </c>
      <c r="F259" s="95">
        <v>4.3682856704864666E-2</v>
      </c>
      <c r="G259" s="278">
        <v>0.94114144522462972</v>
      </c>
      <c r="H259" s="95">
        <v>4.6941446721987246E-2</v>
      </c>
      <c r="I259" s="272">
        <v>112</v>
      </c>
      <c r="J259" s="281">
        <v>0.12670849826766611</v>
      </c>
      <c r="K259" s="95">
        <v>6.3065919034774709E-2</v>
      </c>
      <c r="L259" s="278">
        <v>0.10180552716782797</v>
      </c>
      <c r="M259" s="95">
        <v>5.8173665207799194E-2</v>
      </c>
      <c r="N259" s="278">
        <v>0.77148597456450596</v>
      </c>
      <c r="O259" s="95">
        <v>7.7484523194887273E-2</v>
      </c>
      <c r="P259" s="272">
        <v>110</v>
      </c>
      <c r="Q259" s="278">
        <v>5.7301891401026143E-2</v>
      </c>
      <c r="R259" s="95">
        <v>4.7703765061954506E-2</v>
      </c>
      <c r="S259" s="278">
        <v>1.4719262889558873E-2</v>
      </c>
      <c r="T259" s="95">
        <v>3.2184528362095698E-2</v>
      </c>
      <c r="U259" s="278">
        <v>0.92797884570941502</v>
      </c>
      <c r="V259" s="95">
        <v>5.1746901276179438E-2</v>
      </c>
    </row>
    <row r="260" spans="1:22" s="5" customFormat="1"/>
  </sheetData>
  <mergeCells count="60">
    <mergeCell ref="A3:D3"/>
    <mergeCell ref="A4:D4"/>
    <mergeCell ref="A5:D5"/>
    <mergeCell ref="A21:AQ21"/>
    <mergeCell ref="A22:AQ22"/>
    <mergeCell ref="AK23:AQ23"/>
    <mergeCell ref="A39:D39"/>
    <mergeCell ref="A40:D40"/>
    <mergeCell ref="A41:D41"/>
    <mergeCell ref="A57:O57"/>
    <mergeCell ref="B23:H23"/>
    <mergeCell ref="I23:O23"/>
    <mergeCell ref="P23:V23"/>
    <mergeCell ref="W23:AC23"/>
    <mergeCell ref="AD23:AJ23"/>
    <mergeCell ref="A58:O58"/>
    <mergeCell ref="B59:H59"/>
    <mergeCell ref="I59:O59"/>
    <mergeCell ref="A75:D75"/>
    <mergeCell ref="A76:D76"/>
    <mergeCell ref="A77:D77"/>
    <mergeCell ref="A94:V94"/>
    <mergeCell ref="A95:V95"/>
    <mergeCell ref="B96:H96"/>
    <mergeCell ref="I96:O96"/>
    <mergeCell ref="P96:V96"/>
    <mergeCell ref="A113:D113"/>
    <mergeCell ref="A114:D114"/>
    <mergeCell ref="A115:D115"/>
    <mergeCell ref="A133:O133"/>
    <mergeCell ref="A132:O132"/>
    <mergeCell ref="A153:D153"/>
    <mergeCell ref="B172:H172"/>
    <mergeCell ref="I172:O172"/>
    <mergeCell ref="B134:H134"/>
    <mergeCell ref="I134:O134"/>
    <mergeCell ref="A151:D151"/>
    <mergeCell ref="A152:D152"/>
    <mergeCell ref="A189:D189"/>
    <mergeCell ref="A190:D190"/>
    <mergeCell ref="A191:D191"/>
    <mergeCell ref="A208:AC208"/>
    <mergeCell ref="A209:AC209"/>
    <mergeCell ref="B210:H210"/>
    <mergeCell ref="I210:O210"/>
    <mergeCell ref="P210:V210"/>
    <mergeCell ref="W210:AC210"/>
    <mergeCell ref="A227:D227"/>
    <mergeCell ref="A228:D228"/>
    <mergeCell ref="A229:D229"/>
    <mergeCell ref="A246:V246"/>
    <mergeCell ref="A247:V247"/>
    <mergeCell ref="B248:H248"/>
    <mergeCell ref="I248:O248"/>
    <mergeCell ref="P248:V248"/>
    <mergeCell ref="P172:V172"/>
    <mergeCell ref="W172:AC172"/>
    <mergeCell ref="AD172:AJ172"/>
    <mergeCell ref="A171:AJ171"/>
    <mergeCell ref="A170:AJ170"/>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35"/>
  <sheetViews>
    <sheetView topLeftCell="A31" workbookViewId="0">
      <selection activeCell="F12" sqref="F12"/>
    </sheetView>
  </sheetViews>
  <sheetFormatPr defaultColWidth="21.28515625" defaultRowHeight="15"/>
  <cols>
    <col min="1" max="1" width="31.7109375" customWidth="1"/>
  </cols>
  <sheetData>
    <row r="1" spans="1:4" ht="31.5">
      <c r="A1" s="30" t="s">
        <v>72</v>
      </c>
    </row>
    <row r="3" spans="1:4" ht="18.75">
      <c r="A3" s="327" t="s">
        <v>21</v>
      </c>
      <c r="B3" s="327"/>
      <c r="C3" s="327"/>
      <c r="D3" s="327"/>
    </row>
    <row r="4" spans="1:4" ht="166.5" customHeight="1">
      <c r="A4" s="360" t="s">
        <v>421</v>
      </c>
      <c r="B4" s="360"/>
      <c r="C4" s="360"/>
      <c r="D4" s="360"/>
    </row>
    <row r="5" spans="1:4" ht="36.75" customHeight="1">
      <c r="A5" s="329" t="s">
        <v>283</v>
      </c>
      <c r="B5" s="329"/>
      <c r="C5" s="329"/>
      <c r="D5" s="329"/>
    </row>
    <row r="6" spans="1:4" ht="72">
      <c r="A6" s="34" t="s">
        <v>114</v>
      </c>
      <c r="B6" s="35" t="s">
        <v>115</v>
      </c>
      <c r="C6" s="36" t="s">
        <v>116</v>
      </c>
      <c r="D6" s="37" t="s">
        <v>117</v>
      </c>
    </row>
    <row r="7" spans="1:4" ht="60">
      <c r="A7" s="38"/>
      <c r="B7" s="39" t="s">
        <v>118</v>
      </c>
      <c r="C7" s="130" t="s">
        <v>284</v>
      </c>
      <c r="D7" s="41" t="s">
        <v>120</v>
      </c>
    </row>
    <row r="8" spans="1:4">
      <c r="A8" s="42" t="s">
        <v>442</v>
      </c>
      <c r="B8" s="282">
        <v>6788</v>
      </c>
      <c r="C8" s="283">
        <v>3.8</v>
      </c>
      <c r="D8" s="284">
        <v>5.9110551624445229E-2</v>
      </c>
    </row>
    <row r="9" spans="1:4">
      <c r="A9" s="46" t="s">
        <v>443</v>
      </c>
      <c r="B9" s="285">
        <v>541</v>
      </c>
      <c r="C9" s="286">
        <v>3.640636735756817</v>
      </c>
      <c r="D9" s="287">
        <v>0.23956346095207781</v>
      </c>
    </row>
    <row r="10" spans="1:4">
      <c r="A10" s="50" t="s">
        <v>434</v>
      </c>
      <c r="B10" s="80">
        <v>163</v>
      </c>
      <c r="C10" s="81">
        <v>4.2492078425041129</v>
      </c>
      <c r="D10" s="82">
        <v>0.43469924226475021</v>
      </c>
    </row>
    <row r="11" spans="1:4" ht="25.5">
      <c r="A11" s="46" t="s">
        <v>438</v>
      </c>
      <c r="B11" s="285">
        <v>35</v>
      </c>
      <c r="C11" s="286">
        <v>4.7004605829371426</v>
      </c>
      <c r="D11" s="287">
        <v>0.90474566339188955</v>
      </c>
    </row>
    <row r="12" spans="1:4" ht="38.25">
      <c r="A12" s="54" t="s">
        <v>454</v>
      </c>
      <c r="B12" s="282">
        <v>43</v>
      </c>
      <c r="C12" s="283">
        <v>4.5757910821266536</v>
      </c>
      <c r="D12" s="284">
        <v>0.33698807046837587</v>
      </c>
    </row>
    <row r="13" spans="1:4" ht="25.5">
      <c r="A13" s="46" t="s">
        <v>444</v>
      </c>
      <c r="B13" s="285">
        <v>63</v>
      </c>
      <c r="C13" s="286">
        <v>4.0710710081778076</v>
      </c>
      <c r="D13" s="287">
        <v>0.58000814091445063</v>
      </c>
    </row>
    <row r="14" spans="1:4">
      <c r="A14" s="54" t="s">
        <v>445</v>
      </c>
      <c r="B14" s="282">
        <v>129</v>
      </c>
      <c r="C14" s="283">
        <v>4.2273803543791155</v>
      </c>
      <c r="D14" s="284">
        <v>0.41501687598213888</v>
      </c>
    </row>
    <row r="15" spans="1:4">
      <c r="A15" s="46" t="s">
        <v>446</v>
      </c>
      <c r="B15" s="285">
        <v>57</v>
      </c>
      <c r="C15" s="286">
        <v>4.2023936752409536</v>
      </c>
      <c r="D15" s="287">
        <v>0.52547805968071915</v>
      </c>
    </row>
    <row r="16" spans="1:4">
      <c r="A16" s="54" t="s">
        <v>447</v>
      </c>
      <c r="B16" s="282">
        <v>72</v>
      </c>
      <c r="C16" s="283">
        <v>4.2480724514457116</v>
      </c>
      <c r="D16" s="284">
        <v>0.62571799424173014</v>
      </c>
    </row>
    <row r="22" spans="1:78" ht="18.75">
      <c r="A22" s="327" t="s">
        <v>73</v>
      </c>
      <c r="B22" s="327"/>
      <c r="C22" s="327"/>
      <c r="D22" s="327"/>
      <c r="E22" s="327"/>
      <c r="F22" s="327"/>
      <c r="G22" s="327"/>
      <c r="H22" s="327"/>
      <c r="I22" s="327"/>
      <c r="J22" s="327"/>
      <c r="K22" s="327"/>
      <c r="L22" s="327"/>
      <c r="M22" s="327"/>
      <c r="N22" s="327"/>
      <c r="O22" s="327"/>
      <c r="P22" s="327"/>
      <c r="Q22" s="327"/>
      <c r="R22" s="327"/>
      <c r="S22" s="327"/>
      <c r="T22" s="327"/>
      <c r="U22" s="327"/>
      <c r="V22" s="327"/>
      <c r="W22" s="327"/>
      <c r="X22" s="327"/>
      <c r="Y22" s="327"/>
      <c r="Z22" s="327"/>
      <c r="AA22" s="327"/>
      <c r="AB22" s="327"/>
      <c r="AC22" s="327"/>
      <c r="AD22" s="327"/>
      <c r="AE22" s="327"/>
      <c r="AF22" s="327"/>
      <c r="AG22" s="327"/>
      <c r="AH22" s="327"/>
      <c r="AI22" s="327"/>
      <c r="AJ22" s="327"/>
      <c r="AK22" s="327"/>
      <c r="AL22" s="327"/>
      <c r="AM22" s="327"/>
      <c r="AN22" s="327"/>
      <c r="AO22" s="327"/>
      <c r="AP22" s="327"/>
      <c r="AQ22" s="327"/>
      <c r="AR22" s="327"/>
      <c r="AS22" s="327"/>
      <c r="AT22" s="327"/>
      <c r="AU22" s="327"/>
      <c r="AV22" s="327"/>
      <c r="AW22" s="327"/>
      <c r="AX22" s="327"/>
      <c r="AY22" s="327"/>
      <c r="AZ22" s="327"/>
      <c r="BA22" s="327"/>
      <c r="BB22" s="327"/>
      <c r="BC22" s="327"/>
      <c r="BD22" s="327"/>
      <c r="BE22" s="327"/>
      <c r="BF22" s="327"/>
      <c r="BG22" s="327"/>
      <c r="BH22" s="327"/>
      <c r="BI22" s="327"/>
      <c r="BJ22" s="327"/>
      <c r="BK22" s="327"/>
      <c r="BL22" s="327"/>
      <c r="BM22" s="327"/>
      <c r="BN22" s="327"/>
      <c r="BO22" s="327"/>
      <c r="BP22" s="327"/>
      <c r="BQ22" s="327"/>
      <c r="BR22" s="327"/>
      <c r="BS22" s="327"/>
      <c r="BT22" s="327"/>
      <c r="BU22" s="327"/>
      <c r="BV22" s="327"/>
      <c r="BW22" s="327"/>
      <c r="BX22" s="327"/>
      <c r="BY22" s="327"/>
      <c r="BZ22" s="327"/>
    </row>
    <row r="23" spans="1:78" ht="54" customHeight="1">
      <c r="A23" s="358" t="s">
        <v>423</v>
      </c>
      <c r="B23" s="358"/>
      <c r="C23" s="358"/>
      <c r="D23" s="358"/>
      <c r="E23" s="358"/>
      <c r="F23" s="358"/>
      <c r="G23" s="358"/>
      <c r="H23" s="358"/>
      <c r="I23" s="358"/>
      <c r="J23" s="358"/>
      <c r="K23" s="358"/>
      <c r="L23" s="358"/>
      <c r="M23" s="358"/>
      <c r="N23" s="358"/>
      <c r="O23" s="358"/>
      <c r="P23" s="358"/>
      <c r="Q23" s="358"/>
      <c r="R23" s="358"/>
      <c r="S23" s="358"/>
      <c r="T23" s="358"/>
      <c r="U23" s="358"/>
      <c r="V23" s="358"/>
      <c r="W23" s="358"/>
      <c r="X23" s="358"/>
      <c r="Y23" s="358"/>
      <c r="Z23" s="358"/>
      <c r="AA23" s="358"/>
      <c r="AB23" s="358"/>
      <c r="AC23" s="358"/>
      <c r="AD23" s="358"/>
      <c r="AE23" s="358"/>
      <c r="AF23" s="358"/>
      <c r="AG23" s="358"/>
      <c r="AH23" s="358"/>
      <c r="AI23" s="358"/>
      <c r="AJ23" s="358"/>
      <c r="AK23" s="358"/>
      <c r="AL23" s="358"/>
      <c r="AM23" s="358"/>
      <c r="AN23" s="358"/>
      <c r="AO23" s="358"/>
      <c r="AP23" s="358"/>
      <c r="AQ23" s="358"/>
      <c r="AR23" s="358"/>
      <c r="AS23" s="358"/>
      <c r="AT23" s="358"/>
      <c r="AU23" s="358"/>
      <c r="AV23" s="358"/>
      <c r="AW23" s="358"/>
      <c r="AX23" s="358"/>
      <c r="AY23" s="358"/>
      <c r="AZ23" s="358"/>
      <c r="BA23" s="358"/>
      <c r="BB23" s="358"/>
      <c r="BC23" s="358"/>
      <c r="BD23" s="358"/>
      <c r="BE23" s="358"/>
      <c r="BF23" s="358"/>
      <c r="BG23" s="358"/>
      <c r="BH23" s="358"/>
      <c r="BI23" s="358"/>
      <c r="BJ23" s="358"/>
      <c r="BK23" s="358"/>
      <c r="BL23" s="358"/>
      <c r="BM23" s="358"/>
      <c r="BN23" s="358"/>
      <c r="BO23" s="358"/>
      <c r="BP23" s="358"/>
      <c r="BQ23" s="358"/>
      <c r="BR23" s="358"/>
      <c r="BS23" s="358"/>
      <c r="BT23" s="358"/>
      <c r="BU23" s="358"/>
      <c r="BV23" s="358"/>
      <c r="BW23" s="358"/>
      <c r="BX23" s="358"/>
      <c r="BY23" s="358"/>
      <c r="BZ23" s="358"/>
    </row>
    <row r="24" spans="1:78" ht="33.75" customHeight="1">
      <c r="A24" s="61"/>
      <c r="B24" s="347" t="s">
        <v>422</v>
      </c>
      <c r="C24" s="347"/>
      <c r="D24" s="347"/>
      <c r="E24" s="347"/>
      <c r="F24" s="347"/>
      <c r="G24" s="347"/>
      <c r="H24" s="347"/>
      <c r="I24" s="362" t="s">
        <v>285</v>
      </c>
      <c r="J24" s="363"/>
      <c r="K24" s="363"/>
      <c r="L24" s="363"/>
      <c r="M24" s="363"/>
      <c r="N24" s="363"/>
      <c r="O24" s="364"/>
      <c r="P24" s="362" t="s">
        <v>424</v>
      </c>
      <c r="Q24" s="363"/>
      <c r="R24" s="363"/>
      <c r="S24" s="363"/>
      <c r="T24" s="363"/>
      <c r="U24" s="363"/>
      <c r="V24" s="364"/>
      <c r="W24" s="362" t="s">
        <v>286</v>
      </c>
      <c r="X24" s="363"/>
      <c r="Y24" s="363"/>
      <c r="Z24" s="363"/>
      <c r="AA24" s="363"/>
      <c r="AB24" s="363"/>
      <c r="AC24" s="364"/>
      <c r="AD24" s="362" t="s">
        <v>287</v>
      </c>
      <c r="AE24" s="363"/>
      <c r="AF24" s="363"/>
      <c r="AG24" s="363"/>
      <c r="AH24" s="363"/>
      <c r="AI24" s="363"/>
      <c r="AJ24" s="364"/>
      <c r="AK24" s="362" t="s">
        <v>288</v>
      </c>
      <c r="AL24" s="363"/>
      <c r="AM24" s="363"/>
      <c r="AN24" s="363"/>
      <c r="AO24" s="363"/>
      <c r="AP24" s="363"/>
      <c r="AQ24" s="364"/>
      <c r="AR24" s="362" t="s">
        <v>425</v>
      </c>
      <c r="AS24" s="363"/>
      <c r="AT24" s="363"/>
      <c r="AU24" s="363"/>
      <c r="AV24" s="363"/>
      <c r="AW24" s="363"/>
      <c r="AX24" s="364"/>
      <c r="AY24" s="362" t="s">
        <v>426</v>
      </c>
      <c r="AZ24" s="363"/>
      <c r="BA24" s="363"/>
      <c r="BB24" s="363"/>
      <c r="BC24" s="363"/>
      <c r="BD24" s="363"/>
      <c r="BE24" s="364"/>
      <c r="BF24" s="362" t="s">
        <v>427</v>
      </c>
      <c r="BG24" s="363"/>
      <c r="BH24" s="363"/>
      <c r="BI24" s="363"/>
      <c r="BJ24" s="363"/>
      <c r="BK24" s="363"/>
      <c r="BL24" s="364"/>
      <c r="BM24" s="347" t="s">
        <v>428</v>
      </c>
      <c r="BN24" s="347"/>
      <c r="BO24" s="347"/>
      <c r="BP24" s="347"/>
      <c r="BQ24" s="347"/>
      <c r="BR24" s="347"/>
      <c r="BS24" s="347"/>
      <c r="BT24" s="347" t="s">
        <v>429</v>
      </c>
      <c r="BU24" s="347"/>
      <c r="BV24" s="347"/>
      <c r="BW24" s="347"/>
      <c r="BX24" s="347"/>
      <c r="BY24" s="347"/>
      <c r="BZ24" s="347"/>
    </row>
    <row r="25" spans="1:78" ht="72">
      <c r="A25" s="34" t="s">
        <v>114</v>
      </c>
      <c r="B25" s="35" t="s">
        <v>115</v>
      </c>
      <c r="C25" s="35" t="s">
        <v>292</v>
      </c>
      <c r="D25" s="90" t="s">
        <v>290</v>
      </c>
      <c r="E25" s="35" t="s">
        <v>341</v>
      </c>
      <c r="F25" s="90" t="s">
        <v>291</v>
      </c>
      <c r="G25" s="35" t="s">
        <v>289</v>
      </c>
      <c r="H25" s="90" t="s">
        <v>293</v>
      </c>
      <c r="I25" s="62" t="s">
        <v>115</v>
      </c>
      <c r="J25" s="62" t="s">
        <v>292</v>
      </c>
      <c r="K25" s="89" t="s">
        <v>290</v>
      </c>
      <c r="L25" s="62" t="s">
        <v>341</v>
      </c>
      <c r="M25" s="89" t="s">
        <v>291</v>
      </c>
      <c r="N25" s="62" t="s">
        <v>289</v>
      </c>
      <c r="O25" s="89" t="s">
        <v>293</v>
      </c>
      <c r="P25" s="35" t="s">
        <v>115</v>
      </c>
      <c r="Q25" s="35" t="s">
        <v>292</v>
      </c>
      <c r="R25" s="90" t="s">
        <v>290</v>
      </c>
      <c r="S25" s="35" t="s">
        <v>341</v>
      </c>
      <c r="T25" s="90" t="s">
        <v>291</v>
      </c>
      <c r="U25" s="35" t="s">
        <v>289</v>
      </c>
      <c r="V25" s="90" t="s">
        <v>293</v>
      </c>
      <c r="W25" s="62" t="s">
        <v>115</v>
      </c>
      <c r="X25" s="62" t="s">
        <v>292</v>
      </c>
      <c r="Y25" s="89" t="s">
        <v>290</v>
      </c>
      <c r="Z25" s="62" t="s">
        <v>341</v>
      </c>
      <c r="AA25" s="89" t="s">
        <v>291</v>
      </c>
      <c r="AB25" s="62" t="s">
        <v>289</v>
      </c>
      <c r="AC25" s="89" t="s">
        <v>293</v>
      </c>
      <c r="AD25" s="35" t="s">
        <v>115</v>
      </c>
      <c r="AE25" s="35" t="s">
        <v>292</v>
      </c>
      <c r="AF25" s="90" t="s">
        <v>290</v>
      </c>
      <c r="AG25" s="35" t="s">
        <v>341</v>
      </c>
      <c r="AH25" s="90" t="s">
        <v>291</v>
      </c>
      <c r="AI25" s="35" t="s">
        <v>289</v>
      </c>
      <c r="AJ25" s="90" t="s">
        <v>293</v>
      </c>
      <c r="AK25" s="62" t="s">
        <v>115</v>
      </c>
      <c r="AL25" s="62" t="s">
        <v>292</v>
      </c>
      <c r="AM25" s="89" t="s">
        <v>290</v>
      </c>
      <c r="AN25" s="62" t="s">
        <v>341</v>
      </c>
      <c r="AO25" s="89" t="s">
        <v>291</v>
      </c>
      <c r="AP25" s="62" t="s">
        <v>289</v>
      </c>
      <c r="AQ25" s="89" t="s">
        <v>293</v>
      </c>
      <c r="AR25" s="35" t="s">
        <v>115</v>
      </c>
      <c r="AS25" s="35" t="s">
        <v>292</v>
      </c>
      <c r="AT25" s="90" t="s">
        <v>290</v>
      </c>
      <c r="AU25" s="35" t="s">
        <v>341</v>
      </c>
      <c r="AV25" s="90" t="s">
        <v>291</v>
      </c>
      <c r="AW25" s="35" t="s">
        <v>289</v>
      </c>
      <c r="AX25" s="90" t="s">
        <v>293</v>
      </c>
      <c r="AY25" s="62" t="s">
        <v>115</v>
      </c>
      <c r="AZ25" s="62" t="s">
        <v>292</v>
      </c>
      <c r="BA25" s="89" t="s">
        <v>290</v>
      </c>
      <c r="BB25" s="62" t="s">
        <v>341</v>
      </c>
      <c r="BC25" s="89" t="s">
        <v>291</v>
      </c>
      <c r="BD25" s="62" t="s">
        <v>289</v>
      </c>
      <c r="BE25" s="89" t="s">
        <v>293</v>
      </c>
      <c r="BF25" s="35" t="s">
        <v>115</v>
      </c>
      <c r="BG25" s="35" t="s">
        <v>292</v>
      </c>
      <c r="BH25" s="90" t="s">
        <v>290</v>
      </c>
      <c r="BI25" s="35" t="s">
        <v>341</v>
      </c>
      <c r="BJ25" s="90" t="s">
        <v>291</v>
      </c>
      <c r="BK25" s="35" t="s">
        <v>289</v>
      </c>
      <c r="BL25" s="90" t="s">
        <v>293</v>
      </c>
      <c r="BM25" s="62" t="s">
        <v>115</v>
      </c>
      <c r="BN25" s="62" t="s">
        <v>292</v>
      </c>
      <c r="BO25" s="89" t="s">
        <v>290</v>
      </c>
      <c r="BP25" s="62" t="s">
        <v>341</v>
      </c>
      <c r="BQ25" s="89" t="s">
        <v>291</v>
      </c>
      <c r="BR25" s="62" t="s">
        <v>289</v>
      </c>
      <c r="BS25" s="89" t="s">
        <v>293</v>
      </c>
      <c r="BT25" s="35" t="s">
        <v>115</v>
      </c>
      <c r="BU25" s="35" t="s">
        <v>292</v>
      </c>
      <c r="BV25" s="90" t="s">
        <v>290</v>
      </c>
      <c r="BW25" s="35" t="s">
        <v>341</v>
      </c>
      <c r="BX25" s="90" t="s">
        <v>291</v>
      </c>
      <c r="BY25" s="35" t="s">
        <v>289</v>
      </c>
      <c r="BZ25" s="90" t="s">
        <v>293</v>
      </c>
    </row>
    <row r="26" spans="1:78" ht="60">
      <c r="A26" s="38"/>
      <c r="B26" s="39" t="s">
        <v>118</v>
      </c>
      <c r="C26" s="39" t="s">
        <v>303</v>
      </c>
      <c r="D26" s="92" t="s">
        <v>148</v>
      </c>
      <c r="E26" s="39" t="s">
        <v>304</v>
      </c>
      <c r="F26" s="92" t="s">
        <v>148</v>
      </c>
      <c r="G26" s="39" t="s">
        <v>305</v>
      </c>
      <c r="H26" s="92" t="s">
        <v>148</v>
      </c>
      <c r="I26" s="65" t="s">
        <v>118</v>
      </c>
      <c r="J26" s="65" t="s">
        <v>303</v>
      </c>
      <c r="K26" s="91" t="s">
        <v>148</v>
      </c>
      <c r="L26" s="65" t="s">
        <v>304</v>
      </c>
      <c r="M26" s="91" t="s">
        <v>148</v>
      </c>
      <c r="N26" s="65" t="s">
        <v>305</v>
      </c>
      <c r="O26" s="91" t="s">
        <v>148</v>
      </c>
      <c r="P26" s="39" t="s">
        <v>118</v>
      </c>
      <c r="Q26" s="39" t="s">
        <v>303</v>
      </c>
      <c r="R26" s="92" t="s">
        <v>148</v>
      </c>
      <c r="S26" s="39" t="s">
        <v>304</v>
      </c>
      <c r="T26" s="92" t="s">
        <v>148</v>
      </c>
      <c r="U26" s="39" t="s">
        <v>305</v>
      </c>
      <c r="V26" s="92" t="s">
        <v>148</v>
      </c>
      <c r="W26" s="65" t="s">
        <v>118</v>
      </c>
      <c r="X26" s="65" t="s">
        <v>303</v>
      </c>
      <c r="Y26" s="91" t="s">
        <v>148</v>
      </c>
      <c r="Z26" s="65" t="s">
        <v>304</v>
      </c>
      <c r="AA26" s="91" t="s">
        <v>148</v>
      </c>
      <c r="AB26" s="65" t="s">
        <v>305</v>
      </c>
      <c r="AC26" s="91" t="s">
        <v>148</v>
      </c>
      <c r="AD26" s="39" t="s">
        <v>118</v>
      </c>
      <c r="AE26" s="39" t="s">
        <v>303</v>
      </c>
      <c r="AF26" s="92" t="s">
        <v>148</v>
      </c>
      <c r="AG26" s="39" t="s">
        <v>304</v>
      </c>
      <c r="AH26" s="92" t="s">
        <v>148</v>
      </c>
      <c r="AI26" s="39" t="s">
        <v>305</v>
      </c>
      <c r="AJ26" s="92" t="s">
        <v>148</v>
      </c>
      <c r="AK26" s="65" t="s">
        <v>118</v>
      </c>
      <c r="AL26" s="65" t="s">
        <v>303</v>
      </c>
      <c r="AM26" s="91" t="s">
        <v>148</v>
      </c>
      <c r="AN26" s="65" t="s">
        <v>304</v>
      </c>
      <c r="AO26" s="91" t="s">
        <v>148</v>
      </c>
      <c r="AP26" s="65" t="s">
        <v>305</v>
      </c>
      <c r="AQ26" s="91" t="s">
        <v>148</v>
      </c>
      <c r="AR26" s="39" t="s">
        <v>118</v>
      </c>
      <c r="AS26" s="39" t="s">
        <v>303</v>
      </c>
      <c r="AT26" s="92" t="s">
        <v>148</v>
      </c>
      <c r="AU26" s="39" t="s">
        <v>304</v>
      </c>
      <c r="AV26" s="92" t="s">
        <v>148</v>
      </c>
      <c r="AW26" s="39" t="s">
        <v>305</v>
      </c>
      <c r="AX26" s="92" t="s">
        <v>148</v>
      </c>
      <c r="AY26" s="65" t="s">
        <v>118</v>
      </c>
      <c r="AZ26" s="65" t="s">
        <v>303</v>
      </c>
      <c r="BA26" s="91" t="s">
        <v>148</v>
      </c>
      <c r="BB26" s="65" t="s">
        <v>304</v>
      </c>
      <c r="BC26" s="91" t="s">
        <v>148</v>
      </c>
      <c r="BD26" s="65" t="s">
        <v>305</v>
      </c>
      <c r="BE26" s="91" t="s">
        <v>148</v>
      </c>
      <c r="BF26" s="39" t="s">
        <v>118</v>
      </c>
      <c r="BG26" s="39" t="s">
        <v>303</v>
      </c>
      <c r="BH26" s="92" t="s">
        <v>148</v>
      </c>
      <c r="BI26" s="39" t="s">
        <v>304</v>
      </c>
      <c r="BJ26" s="92" t="s">
        <v>148</v>
      </c>
      <c r="BK26" s="39" t="s">
        <v>305</v>
      </c>
      <c r="BL26" s="92" t="s">
        <v>148</v>
      </c>
      <c r="BM26" s="65" t="s">
        <v>118</v>
      </c>
      <c r="BN26" s="65" t="s">
        <v>303</v>
      </c>
      <c r="BO26" s="91" t="s">
        <v>148</v>
      </c>
      <c r="BP26" s="65" t="s">
        <v>304</v>
      </c>
      <c r="BQ26" s="91" t="s">
        <v>148</v>
      </c>
      <c r="BR26" s="65" t="s">
        <v>305</v>
      </c>
      <c r="BS26" s="91" t="s">
        <v>148</v>
      </c>
      <c r="BT26" s="39" t="s">
        <v>118</v>
      </c>
      <c r="BU26" s="39" t="s">
        <v>303</v>
      </c>
      <c r="BV26" s="92" t="s">
        <v>148</v>
      </c>
      <c r="BW26" s="39" t="s">
        <v>304</v>
      </c>
      <c r="BX26" s="92" t="s">
        <v>148</v>
      </c>
      <c r="BY26" s="39" t="s">
        <v>305</v>
      </c>
      <c r="BZ26" s="92" t="s">
        <v>148</v>
      </c>
    </row>
    <row r="27" spans="1:78">
      <c r="A27" s="42" t="s">
        <v>442</v>
      </c>
      <c r="B27" s="282">
        <v>9213</v>
      </c>
      <c r="C27" s="288">
        <v>0.41354863642465173</v>
      </c>
      <c r="D27" s="95">
        <v>1.0054173636184641E-2</v>
      </c>
      <c r="E27" s="288">
        <v>0.15412328371839598</v>
      </c>
      <c r="F27" s="95">
        <v>7.3743166809847509E-3</v>
      </c>
      <c r="G27" s="288">
        <v>0.43232807985695232</v>
      </c>
      <c r="H27" s="95">
        <v>1.0113936484638618E-2</v>
      </c>
      <c r="I27" s="282">
        <v>9374</v>
      </c>
      <c r="J27" s="288">
        <v>0.43213363684855338</v>
      </c>
      <c r="K27" s="95">
        <v>1.0026204114900961E-2</v>
      </c>
      <c r="L27" s="288">
        <v>0.18218326501665275</v>
      </c>
      <c r="M27" s="95">
        <v>7.8146352499400065E-3</v>
      </c>
      <c r="N27" s="288">
        <v>0.38568309813479384</v>
      </c>
      <c r="O27" s="95">
        <v>9.8519615374673807E-3</v>
      </c>
      <c r="P27" s="282">
        <v>8708</v>
      </c>
      <c r="Q27" s="288">
        <v>0.38427202144529926</v>
      </c>
      <c r="R27" s="95">
        <v>1.021462079545158E-2</v>
      </c>
      <c r="S27" s="288">
        <v>0.1920201627586362</v>
      </c>
      <c r="T27" s="95">
        <v>8.2735645536170018E-3</v>
      </c>
      <c r="U27" s="288">
        <v>0.42370781579606454</v>
      </c>
      <c r="V27" s="95">
        <v>1.0376633846408823E-2</v>
      </c>
      <c r="W27" s="282">
        <v>8521</v>
      </c>
      <c r="X27" s="288">
        <v>0.51195260442309865</v>
      </c>
      <c r="Y27" s="95">
        <v>1.0610964758204854E-2</v>
      </c>
      <c r="Z27" s="288">
        <v>0.10921307433438179</v>
      </c>
      <c r="AA27" s="95">
        <v>6.6260189939259971E-3</v>
      </c>
      <c r="AB27" s="288">
        <v>0.37883432124251959</v>
      </c>
      <c r="AC27" s="95">
        <v>1.0297930869652781E-2</v>
      </c>
      <c r="AD27" s="282">
        <v>9609</v>
      </c>
      <c r="AE27" s="288">
        <v>0.5262581392944975</v>
      </c>
      <c r="AF27" s="95">
        <v>9.9815363694857571E-3</v>
      </c>
      <c r="AG27" s="288">
        <v>0.16632251727357414</v>
      </c>
      <c r="AH27" s="95">
        <v>7.4463970505939817E-3</v>
      </c>
      <c r="AI27" s="288">
        <v>0.30741934343192834</v>
      </c>
      <c r="AJ27" s="95">
        <v>9.2248400308344008E-3</v>
      </c>
      <c r="AK27" s="282">
        <v>8691</v>
      </c>
      <c r="AL27" s="288">
        <v>0.2190908302933606</v>
      </c>
      <c r="AM27" s="95">
        <v>8.6961244529133799E-3</v>
      </c>
      <c r="AN27" s="288">
        <v>0.13640958471602321</v>
      </c>
      <c r="AO27" s="95">
        <v>7.2180795983871988E-3</v>
      </c>
      <c r="AP27" s="288">
        <v>0.6444995849906161</v>
      </c>
      <c r="AQ27" s="95">
        <v>1.0061688261391108E-2</v>
      </c>
      <c r="AR27" s="282">
        <v>10164</v>
      </c>
      <c r="AS27" s="288">
        <v>0.77170027549986075</v>
      </c>
      <c r="AT27" s="95">
        <v>8.1599384927245125E-3</v>
      </c>
      <c r="AU27" s="288">
        <v>0.10677998669154716</v>
      </c>
      <c r="AV27" s="95">
        <v>6.0067449900481854E-3</v>
      </c>
      <c r="AW27" s="288">
        <v>0.1215197378085921</v>
      </c>
      <c r="AX27" s="95">
        <v>6.3541403945423687E-3</v>
      </c>
      <c r="AY27" s="282">
        <v>8699</v>
      </c>
      <c r="AZ27" s="288">
        <v>0.33692133757110737</v>
      </c>
      <c r="BA27" s="95">
        <v>9.9309802661461735E-3</v>
      </c>
      <c r="BB27" s="288">
        <v>0.16841915777166558</v>
      </c>
      <c r="BC27" s="95">
        <v>7.8654969432280699E-3</v>
      </c>
      <c r="BD27" s="288">
        <v>0.49465950465722702</v>
      </c>
      <c r="BE27" s="95">
        <v>1.0504293125167773E-2</v>
      </c>
      <c r="BF27" s="282">
        <v>9244</v>
      </c>
      <c r="BG27" s="288">
        <v>0.40650499186628752</v>
      </c>
      <c r="BH27" s="95">
        <v>1.0011068706976736E-2</v>
      </c>
      <c r="BI27" s="288">
        <v>0.20393159075653874</v>
      </c>
      <c r="BJ27" s="95">
        <v>8.2139298372494885E-3</v>
      </c>
      <c r="BK27" s="288">
        <v>0.3895634173771737</v>
      </c>
      <c r="BL27" s="95">
        <v>9.93919364727067E-3</v>
      </c>
      <c r="BM27" s="282">
        <v>10100</v>
      </c>
      <c r="BN27" s="288">
        <v>0.59676797889171906</v>
      </c>
      <c r="BO27" s="95">
        <v>9.5652506276184927E-3</v>
      </c>
      <c r="BP27" s="288">
        <v>0.12402881788470192</v>
      </c>
      <c r="BQ27" s="95">
        <v>6.4304171253859177E-3</v>
      </c>
      <c r="BR27" s="288">
        <v>0.27920320322357906</v>
      </c>
      <c r="BS27" s="95">
        <v>8.748179014835487E-3</v>
      </c>
      <c r="BT27" s="282">
        <v>7438</v>
      </c>
      <c r="BU27" s="288">
        <v>0.615375681823776</v>
      </c>
      <c r="BV27" s="95">
        <v>1.1053832961009676E-2</v>
      </c>
      <c r="BW27" s="288">
        <v>0.12455751343580861</v>
      </c>
      <c r="BX27" s="95">
        <v>7.5077788324983035E-3</v>
      </c>
      <c r="BY27" s="288">
        <v>0.26006680474041544</v>
      </c>
      <c r="BZ27" s="95">
        <v>9.9682691940586321E-3</v>
      </c>
    </row>
    <row r="28" spans="1:78">
      <c r="A28" s="46" t="s">
        <v>443</v>
      </c>
      <c r="B28" s="285">
        <v>764</v>
      </c>
      <c r="C28" s="289">
        <v>0.46951959289080997</v>
      </c>
      <c r="D28" s="98">
        <v>3.5297618958006302E-2</v>
      </c>
      <c r="E28" s="289">
        <v>0.17510555021321655</v>
      </c>
      <c r="F28" s="98">
        <v>2.6981560439470382E-2</v>
      </c>
      <c r="G28" s="289">
        <v>0.35537485689597348</v>
      </c>
      <c r="H28" s="98">
        <v>3.3867124333279618E-2</v>
      </c>
      <c r="I28" s="285">
        <v>776</v>
      </c>
      <c r="J28" s="289">
        <v>0.51431710396896013</v>
      </c>
      <c r="K28" s="98">
        <v>3.5075387794622666E-2</v>
      </c>
      <c r="L28" s="289">
        <v>0.16459376830656461</v>
      </c>
      <c r="M28" s="98">
        <v>2.6132094493419637E-2</v>
      </c>
      <c r="N28" s="289">
        <v>0.32108912772447523</v>
      </c>
      <c r="O28" s="98">
        <v>3.2790942271777992E-2</v>
      </c>
      <c r="P28" s="285">
        <v>735</v>
      </c>
      <c r="Q28" s="289">
        <v>0.46450136933714237</v>
      </c>
      <c r="R28" s="98">
        <v>3.5959894613627204E-2</v>
      </c>
      <c r="S28" s="289">
        <v>0.17930184151747314</v>
      </c>
      <c r="T28" s="98">
        <v>2.7761971899958309E-2</v>
      </c>
      <c r="U28" s="289">
        <v>0.3561967891453845</v>
      </c>
      <c r="V28" s="98">
        <v>3.4543530671108817E-2</v>
      </c>
      <c r="W28" s="285">
        <v>607</v>
      </c>
      <c r="X28" s="289">
        <v>0.28338418461232839</v>
      </c>
      <c r="Y28" s="98">
        <v>3.5786585491840571E-2</v>
      </c>
      <c r="Z28" s="289">
        <v>0.14639137161668128</v>
      </c>
      <c r="AA28" s="98">
        <v>2.821239047565343E-2</v>
      </c>
      <c r="AB28" s="289">
        <v>0.57022444377099024</v>
      </c>
      <c r="AC28" s="98">
        <v>3.9258730769132076E-2</v>
      </c>
      <c r="AD28" s="285">
        <v>772</v>
      </c>
      <c r="AE28" s="289">
        <v>0.55918728103976545</v>
      </c>
      <c r="AF28" s="98">
        <v>3.493515237956029E-2</v>
      </c>
      <c r="AG28" s="289">
        <v>0.14116299919077868</v>
      </c>
      <c r="AH28" s="98">
        <v>2.4631999914869522E-2</v>
      </c>
      <c r="AI28" s="289">
        <v>0.29964971976945581</v>
      </c>
      <c r="AJ28" s="98">
        <v>3.2263870501723926E-2</v>
      </c>
      <c r="AK28" s="285">
        <v>719</v>
      </c>
      <c r="AL28" s="289">
        <v>0.22544075169195371</v>
      </c>
      <c r="AM28" s="98">
        <v>3.0532502374065861E-2</v>
      </c>
      <c r="AN28" s="289">
        <v>0.15260979455145449</v>
      </c>
      <c r="AO28" s="98">
        <v>2.6347803453225668E-2</v>
      </c>
      <c r="AP28" s="289">
        <v>0.62194945375659183</v>
      </c>
      <c r="AQ28" s="98">
        <v>3.535826128645609E-2</v>
      </c>
      <c r="AR28" s="285">
        <v>838</v>
      </c>
      <c r="AS28" s="289">
        <v>0.74601401001900913</v>
      </c>
      <c r="AT28" s="98">
        <v>2.9446579470421612E-2</v>
      </c>
      <c r="AU28" s="289">
        <v>0.12193297351208561</v>
      </c>
      <c r="AV28" s="98">
        <v>2.2241036421123895E-2</v>
      </c>
      <c r="AW28" s="289">
        <v>0.13205301646890527</v>
      </c>
      <c r="AX28" s="98">
        <v>2.2995270417188927E-2</v>
      </c>
      <c r="AY28" s="285">
        <v>781</v>
      </c>
      <c r="AZ28" s="289">
        <v>0.56787114777978043</v>
      </c>
      <c r="BA28" s="98">
        <v>3.465725873448347E-2</v>
      </c>
      <c r="BB28" s="289">
        <v>0.13480826828368464</v>
      </c>
      <c r="BC28" s="98">
        <v>2.4029518954392245E-2</v>
      </c>
      <c r="BD28" s="289">
        <v>0.29732058393653499</v>
      </c>
      <c r="BE28" s="98">
        <v>3.2007070638433513E-2</v>
      </c>
      <c r="BF28" s="285">
        <v>762</v>
      </c>
      <c r="BG28" s="289">
        <v>0.4617985881655024</v>
      </c>
      <c r="BH28" s="98">
        <v>3.5306420082689735E-2</v>
      </c>
      <c r="BI28" s="289">
        <v>0.19576171482142848</v>
      </c>
      <c r="BJ28" s="98">
        <v>2.8185368083760935E-2</v>
      </c>
      <c r="BK28" s="289">
        <v>0.34243969701306914</v>
      </c>
      <c r="BL28" s="98">
        <v>3.362410743259911E-2</v>
      </c>
      <c r="BM28" s="285">
        <v>828</v>
      </c>
      <c r="BN28" s="289">
        <v>0.59480236027703226</v>
      </c>
      <c r="BO28" s="98">
        <v>3.3365056389099215E-2</v>
      </c>
      <c r="BP28" s="289">
        <v>0.1735197679378232</v>
      </c>
      <c r="BQ28" s="98">
        <v>2.5824252675179162E-2</v>
      </c>
      <c r="BR28" s="289">
        <v>0.23167787178514451</v>
      </c>
      <c r="BS28" s="98">
        <v>2.8724283781829854E-2</v>
      </c>
      <c r="BT28" s="285">
        <v>570</v>
      </c>
      <c r="BU28" s="289">
        <v>0.48272943820946201</v>
      </c>
      <c r="BV28" s="98">
        <v>4.0880340201534728E-2</v>
      </c>
      <c r="BW28" s="289">
        <v>0.17808666169403498</v>
      </c>
      <c r="BX28" s="98">
        <v>3.1452386166732363E-2</v>
      </c>
      <c r="BY28" s="289">
        <v>0.33918390009650301</v>
      </c>
      <c r="BZ28" s="98">
        <v>3.8761962184891044E-2</v>
      </c>
    </row>
    <row r="29" spans="1:78">
      <c r="A29" s="50" t="s">
        <v>434</v>
      </c>
      <c r="B29" s="51">
        <v>218</v>
      </c>
      <c r="C29" s="183">
        <v>0.4979659335405775</v>
      </c>
      <c r="D29" s="95">
        <v>6.5772768580998064E-2</v>
      </c>
      <c r="E29" s="183">
        <v>0.11483993748084377</v>
      </c>
      <c r="F29" s="95">
        <v>4.3019846810874562E-2</v>
      </c>
      <c r="G29" s="183">
        <v>0.38719412897857874</v>
      </c>
      <c r="H29" s="95">
        <v>6.4138811976462429E-2</v>
      </c>
      <c r="I29" s="51">
        <v>217</v>
      </c>
      <c r="J29" s="183">
        <v>0.31454224820267135</v>
      </c>
      <c r="K29" s="95">
        <v>6.1394411411015183E-2</v>
      </c>
      <c r="L29" s="183">
        <v>0.25267739470151152</v>
      </c>
      <c r="M29" s="95">
        <v>5.7624327873112613E-2</v>
      </c>
      <c r="N29" s="183">
        <v>0.43278035709581714</v>
      </c>
      <c r="O29" s="95">
        <v>6.5345045553214479E-2</v>
      </c>
      <c r="P29" s="51">
        <v>208</v>
      </c>
      <c r="Q29" s="183">
        <v>0.3260422722808447</v>
      </c>
      <c r="R29" s="95">
        <v>6.3263961035016053E-2</v>
      </c>
      <c r="S29" s="183">
        <v>0.22058768767163436</v>
      </c>
      <c r="T29" s="95">
        <v>5.6288191695066964E-2</v>
      </c>
      <c r="U29" s="183">
        <v>0.45337004004752096</v>
      </c>
      <c r="V29" s="95">
        <v>6.702432811586799E-2</v>
      </c>
      <c r="W29" s="51">
        <v>179</v>
      </c>
      <c r="X29" s="183">
        <v>0.44185372836182013</v>
      </c>
      <c r="Y29" s="95">
        <v>7.1973476701557473E-2</v>
      </c>
      <c r="Z29" s="183">
        <v>0.18354192055253632</v>
      </c>
      <c r="AA29" s="95">
        <v>5.689193866058348E-2</v>
      </c>
      <c r="AB29" s="183">
        <v>0.37460435108564349</v>
      </c>
      <c r="AC29" s="95">
        <v>7.0230153983640936E-2</v>
      </c>
      <c r="AD29" s="51">
        <v>225</v>
      </c>
      <c r="AE29" s="183">
        <v>0.4813369341728832</v>
      </c>
      <c r="AF29" s="95">
        <v>6.4716657166123293E-2</v>
      </c>
      <c r="AG29" s="183">
        <v>0.15590671956717109</v>
      </c>
      <c r="AH29" s="95">
        <v>4.771205907346155E-2</v>
      </c>
      <c r="AI29" s="183">
        <v>0.36275634625994574</v>
      </c>
      <c r="AJ29" s="95">
        <v>6.2360624826137544E-2</v>
      </c>
      <c r="AK29" s="51">
        <v>207</v>
      </c>
      <c r="AL29" s="183">
        <v>0.31157818883355543</v>
      </c>
      <c r="AM29" s="95">
        <v>6.2686105800258379E-2</v>
      </c>
      <c r="AN29" s="183">
        <v>0.16324399138565465</v>
      </c>
      <c r="AO29" s="95">
        <v>5.0640729598967898E-2</v>
      </c>
      <c r="AP29" s="183">
        <v>0.52517781978078992</v>
      </c>
      <c r="AQ29" s="95">
        <v>6.7383607935876236E-2</v>
      </c>
      <c r="AR29" s="51">
        <v>239</v>
      </c>
      <c r="AS29" s="183">
        <v>0.76691626607002339</v>
      </c>
      <c r="AT29" s="95">
        <v>5.3504517035292867E-2</v>
      </c>
      <c r="AU29" s="183">
        <v>0.10102909698973481</v>
      </c>
      <c r="AV29" s="95">
        <v>3.8961231289951076E-2</v>
      </c>
      <c r="AW29" s="183">
        <v>0.13205463694024183</v>
      </c>
      <c r="AX29" s="95">
        <v>4.3380364971867223E-2</v>
      </c>
      <c r="AY29" s="51">
        <v>218</v>
      </c>
      <c r="AZ29" s="183">
        <v>0.54380648434743128</v>
      </c>
      <c r="BA29" s="95">
        <v>6.5529417269093546E-2</v>
      </c>
      <c r="BB29" s="183">
        <v>0.14033526624188283</v>
      </c>
      <c r="BC29" s="95">
        <v>4.6557245327692169E-2</v>
      </c>
      <c r="BD29" s="183">
        <v>0.31585824941068585</v>
      </c>
      <c r="BE29" s="95">
        <v>6.1321415231785623E-2</v>
      </c>
      <c r="BF29" s="51">
        <v>220</v>
      </c>
      <c r="BG29" s="183">
        <v>0.36846346188891826</v>
      </c>
      <c r="BH29" s="95">
        <v>6.325563893049499E-2</v>
      </c>
      <c r="BI29" s="183">
        <v>0.24315601027651926</v>
      </c>
      <c r="BJ29" s="95">
        <v>5.6534764730888337E-2</v>
      </c>
      <c r="BK29" s="183">
        <v>0.38838052783456251</v>
      </c>
      <c r="BL29" s="95">
        <v>6.3885778527082007E-2</v>
      </c>
      <c r="BM29" s="51">
        <v>235</v>
      </c>
      <c r="BN29" s="183">
        <v>0.55216083772298585</v>
      </c>
      <c r="BO29" s="95">
        <v>6.3056555834293704E-2</v>
      </c>
      <c r="BP29" s="183">
        <v>0.17739970404869049</v>
      </c>
      <c r="BQ29" s="95">
        <v>4.9001385021534297E-2</v>
      </c>
      <c r="BR29" s="183">
        <v>0.27043945822832366</v>
      </c>
      <c r="BS29" s="95">
        <v>5.6563915389406548E-2</v>
      </c>
      <c r="BT29" s="51">
        <v>161</v>
      </c>
      <c r="BU29" s="183">
        <v>0.55137835647926736</v>
      </c>
      <c r="BV29" s="95">
        <v>7.5908433989869378E-2</v>
      </c>
      <c r="BW29" s="183">
        <v>0.18968177281989246</v>
      </c>
      <c r="BX29" s="95">
        <v>6.0712076883874776E-2</v>
      </c>
      <c r="BY29" s="183">
        <v>0.25893987070084018</v>
      </c>
      <c r="BZ29" s="95">
        <v>6.732359730715072E-2</v>
      </c>
    </row>
    <row r="30" spans="1:78" ht="25.5">
      <c r="A30" s="46" t="s">
        <v>438</v>
      </c>
      <c r="B30" s="285">
        <v>48</v>
      </c>
      <c r="C30" s="289">
        <v>0.67563371346179679</v>
      </c>
      <c r="D30" s="98">
        <v>0.12855912760770832</v>
      </c>
      <c r="E30" s="289">
        <v>5.2491163039321491E-2</v>
      </c>
      <c r="F30" s="98">
        <v>7.6569743012734462E-2</v>
      </c>
      <c r="G30" s="289">
        <v>0.27187512349888171</v>
      </c>
      <c r="H30" s="98">
        <v>0.12326125292439628</v>
      </c>
      <c r="I30" s="285">
        <v>48</v>
      </c>
      <c r="J30" s="289">
        <v>0.5452150617027286</v>
      </c>
      <c r="K30" s="98">
        <v>0.13542724607347495</v>
      </c>
      <c r="L30" s="289">
        <v>0.15601200822408631</v>
      </c>
      <c r="M30" s="98">
        <v>0.10497947813836059</v>
      </c>
      <c r="N30" s="289">
        <v>0.29877293007318512</v>
      </c>
      <c r="O30" s="98">
        <v>0.1261756862226002</v>
      </c>
      <c r="P30" s="285">
        <v>47</v>
      </c>
      <c r="Q30" s="289">
        <v>0.62153086231715227</v>
      </c>
      <c r="R30" s="98">
        <v>0.13374044252586245</v>
      </c>
      <c r="S30" s="289">
        <v>8.4855697890909576E-2</v>
      </c>
      <c r="T30" s="98">
        <v>8.8351251472427061E-2</v>
      </c>
      <c r="U30" s="289">
        <v>0.29361343979193821</v>
      </c>
      <c r="V30" s="98">
        <v>0.12691104126993846</v>
      </c>
      <c r="W30" s="285">
        <v>37</v>
      </c>
      <c r="X30" s="289">
        <v>0.54871223258114465</v>
      </c>
      <c r="Y30" s="98">
        <v>0.15245761023012985</v>
      </c>
      <c r="Z30" s="289">
        <v>0.14819184889417578</v>
      </c>
      <c r="AA30" s="98">
        <v>0.11823687606192113</v>
      </c>
      <c r="AB30" s="289">
        <v>0.30309591852467954</v>
      </c>
      <c r="AC30" s="98">
        <v>0.14305899975413189</v>
      </c>
      <c r="AD30" s="285">
        <v>49</v>
      </c>
      <c r="AE30" s="289">
        <v>0.72072169285750509</v>
      </c>
      <c r="AF30" s="98">
        <v>0.1228919226179624</v>
      </c>
      <c r="AG30" s="289">
        <v>8.8583837881459321E-2</v>
      </c>
      <c r="AH30" s="98">
        <v>8.7373002163884619E-2</v>
      </c>
      <c r="AI30" s="289">
        <v>0.19069446926103562</v>
      </c>
      <c r="AJ30" s="98">
        <v>0.11042427640476032</v>
      </c>
      <c r="AK30" s="285">
        <v>46</v>
      </c>
      <c r="AL30" s="289">
        <v>0.16873101456139322</v>
      </c>
      <c r="AM30" s="98">
        <v>0.10987082100888862</v>
      </c>
      <c r="AN30" s="289">
        <v>0.22239874550646757</v>
      </c>
      <c r="AO30" s="98">
        <v>0.11914940976214076</v>
      </c>
      <c r="AP30" s="289">
        <v>0.60887023993213918</v>
      </c>
      <c r="AQ30" s="98">
        <v>0.13578368773644287</v>
      </c>
      <c r="AR30" s="285">
        <v>52</v>
      </c>
      <c r="AS30" s="289">
        <v>0.8236711959049865</v>
      </c>
      <c r="AT30" s="98">
        <v>0.10465785208519203</v>
      </c>
      <c r="AU30" s="289">
        <v>3.8900862715642602E-2</v>
      </c>
      <c r="AV30" s="98">
        <v>6.7631173936144276E-2</v>
      </c>
      <c r="AW30" s="289">
        <v>0.13742794137937089</v>
      </c>
      <c r="AX30" s="98">
        <v>9.6820606595365261E-2</v>
      </c>
      <c r="AY30" s="285">
        <v>46</v>
      </c>
      <c r="AZ30" s="289">
        <v>0.58478312417171863</v>
      </c>
      <c r="BA30" s="98">
        <v>0.13689612276417809</v>
      </c>
      <c r="BB30" s="289">
        <v>0.10511355038955167</v>
      </c>
      <c r="BC30" s="98">
        <v>9.5223067612299983E-2</v>
      </c>
      <c r="BD30" s="289">
        <v>0.31010332543872965</v>
      </c>
      <c r="BE30" s="98">
        <v>0.12985741339036844</v>
      </c>
      <c r="BF30" s="285">
        <v>48</v>
      </c>
      <c r="BG30" s="289">
        <v>0.41994153227965525</v>
      </c>
      <c r="BH30" s="98">
        <v>0.13440897300275209</v>
      </c>
      <c r="BI30" s="289">
        <v>0.22423208820700874</v>
      </c>
      <c r="BJ30" s="98">
        <v>0.11697066193526535</v>
      </c>
      <c r="BK30" s="289">
        <v>0.35582637951333596</v>
      </c>
      <c r="BL30" s="98">
        <v>0.13099917399962907</v>
      </c>
      <c r="BM30" s="285">
        <v>49</v>
      </c>
      <c r="BN30" s="289">
        <v>0.6367291717086111</v>
      </c>
      <c r="BO30" s="98">
        <v>0.13024021415154072</v>
      </c>
      <c r="BP30" s="289">
        <v>0.12589175936012406</v>
      </c>
      <c r="BQ30" s="98">
        <v>9.7209637613157637E-2</v>
      </c>
      <c r="BR30" s="289">
        <v>0.2373790689312649</v>
      </c>
      <c r="BS30" s="98">
        <v>0.11767637983007151</v>
      </c>
      <c r="BT30" s="285">
        <v>34</v>
      </c>
      <c r="BU30" s="289">
        <v>0.6343164432104792</v>
      </c>
      <c r="BV30" s="98">
        <v>0.15431656159574808</v>
      </c>
      <c r="BW30" s="289">
        <v>0.21974177359474156</v>
      </c>
      <c r="BX30" s="98">
        <v>0.13753880394955767</v>
      </c>
      <c r="BY30" s="289">
        <v>0.14594178319477918</v>
      </c>
      <c r="BZ30" s="98">
        <v>0.12299715028079458</v>
      </c>
    </row>
    <row r="31" spans="1:78" ht="38.25">
      <c r="A31" s="54" t="s">
        <v>454</v>
      </c>
      <c r="B31" s="282">
        <v>55</v>
      </c>
      <c r="C31" s="288">
        <v>0.38081541909602884</v>
      </c>
      <c r="D31" s="95">
        <v>0.12439539743118135</v>
      </c>
      <c r="E31" s="288">
        <v>0.10856449482626061</v>
      </c>
      <c r="F31" s="95">
        <v>8.7225621511655929E-2</v>
      </c>
      <c r="G31" s="288">
        <v>0.51062008607771059</v>
      </c>
      <c r="H31" s="95">
        <v>0.12756012066635436</v>
      </c>
      <c r="I31" s="282">
        <v>55</v>
      </c>
      <c r="J31" s="288">
        <v>0.31328849074039516</v>
      </c>
      <c r="K31" s="95">
        <v>0.11960533382848819</v>
      </c>
      <c r="L31" s="288">
        <v>0.14454953187423381</v>
      </c>
      <c r="M31" s="95">
        <v>9.5546108057685306E-2</v>
      </c>
      <c r="N31" s="288">
        <v>0.54216197738537109</v>
      </c>
      <c r="O31" s="95">
        <v>0.12719034306676266</v>
      </c>
      <c r="P31" s="282">
        <v>51</v>
      </c>
      <c r="Q31" s="288">
        <v>0.24139647054674254</v>
      </c>
      <c r="R31" s="95">
        <v>0.11595452474836752</v>
      </c>
      <c r="S31" s="288">
        <v>0.26178200279394737</v>
      </c>
      <c r="T31" s="95">
        <v>0.11854833819411173</v>
      </c>
      <c r="U31" s="288">
        <v>0.49682152665931006</v>
      </c>
      <c r="V31" s="95">
        <v>0.13214087726094215</v>
      </c>
      <c r="W31" s="282">
        <v>48</v>
      </c>
      <c r="X31" s="288">
        <v>0.49291255898424768</v>
      </c>
      <c r="Y31" s="95">
        <v>0.13588991411182358</v>
      </c>
      <c r="Z31" s="288">
        <v>0.21170496578923176</v>
      </c>
      <c r="AA31" s="95">
        <v>0.11505362699294654</v>
      </c>
      <c r="AB31" s="288">
        <v>0.29538247522652056</v>
      </c>
      <c r="AC31" s="95">
        <v>0.1258319790725701</v>
      </c>
      <c r="AD31" s="282">
        <v>56</v>
      </c>
      <c r="AE31" s="288">
        <v>0.56379689202090189</v>
      </c>
      <c r="AF31" s="95">
        <v>0.12561712732540531</v>
      </c>
      <c r="AG31" s="288">
        <v>0.157193505544198</v>
      </c>
      <c r="AH31" s="95">
        <v>9.7222800403581777E-2</v>
      </c>
      <c r="AI31" s="288">
        <v>0.27900960243490014</v>
      </c>
      <c r="AJ31" s="95">
        <v>0.11525115533960514</v>
      </c>
      <c r="AK31" s="282">
        <v>55</v>
      </c>
      <c r="AL31" s="288">
        <v>6.4568549598681829E-2</v>
      </c>
      <c r="AM31" s="95">
        <v>7.4497711612310669E-2</v>
      </c>
      <c r="AN31" s="288">
        <v>5.4477424446005486E-2</v>
      </c>
      <c r="AO31" s="95">
        <v>7.1041549066990894E-2</v>
      </c>
      <c r="AP31" s="288">
        <v>0.88095402595531269</v>
      </c>
      <c r="AQ31" s="95">
        <v>8.9813073168418564E-2</v>
      </c>
      <c r="AR31" s="282">
        <v>58</v>
      </c>
      <c r="AS31" s="288">
        <v>0.74914156533804888</v>
      </c>
      <c r="AT31" s="95">
        <v>0.11011151075923367</v>
      </c>
      <c r="AU31" s="288">
        <v>0.19302431062034575</v>
      </c>
      <c r="AV31" s="95">
        <v>0.10188501555545339</v>
      </c>
      <c r="AW31" s="288">
        <v>5.7834124041605393E-2</v>
      </c>
      <c r="AX31" s="95">
        <v>6.9920780855731543E-2</v>
      </c>
      <c r="AY31" s="282">
        <v>55</v>
      </c>
      <c r="AZ31" s="288">
        <v>0.25153529397643348</v>
      </c>
      <c r="BA31" s="95">
        <v>0.11307018641382741</v>
      </c>
      <c r="BB31" s="288">
        <v>0.36938419769521363</v>
      </c>
      <c r="BC31" s="95">
        <v>0.12374426243050728</v>
      </c>
      <c r="BD31" s="288">
        <v>0.37908050832835288</v>
      </c>
      <c r="BE31" s="95">
        <v>0.12430062340751062</v>
      </c>
      <c r="BF31" s="282">
        <v>58</v>
      </c>
      <c r="BG31" s="288">
        <v>0.31755861940569802</v>
      </c>
      <c r="BH31" s="95">
        <v>0.11698494860831062</v>
      </c>
      <c r="BI31" s="288">
        <v>0.36552460300625633</v>
      </c>
      <c r="BJ31" s="95">
        <v>0.12045643315558194</v>
      </c>
      <c r="BK31" s="288">
        <v>0.31691677758804565</v>
      </c>
      <c r="BL31" s="95">
        <v>0.11693056366737381</v>
      </c>
      <c r="BM31" s="282">
        <v>59</v>
      </c>
      <c r="BN31" s="288">
        <v>0.87809251735476401</v>
      </c>
      <c r="BO31" s="95">
        <v>8.7173460420867224E-2</v>
      </c>
      <c r="BP31" s="288">
        <v>3.7898965666950758E-2</v>
      </c>
      <c r="BQ31" s="95">
        <v>6.1841604905785219E-2</v>
      </c>
      <c r="BR31" s="288">
        <v>8.4008516978285319E-2</v>
      </c>
      <c r="BS31" s="95">
        <v>7.7393294674699062E-2</v>
      </c>
      <c r="BT31" s="282">
        <v>44</v>
      </c>
      <c r="BU31" s="288">
        <v>0.73608001449422289</v>
      </c>
      <c r="BV31" s="95">
        <v>0.12751558407255695</v>
      </c>
      <c r="BW31" s="288">
        <v>0.1328711286044307</v>
      </c>
      <c r="BX31" s="95">
        <v>0.10461407401088353</v>
      </c>
      <c r="BY31" s="288">
        <v>0.13104885690134646</v>
      </c>
      <c r="BZ31" s="95">
        <v>0.10418204838092744</v>
      </c>
    </row>
    <row r="32" spans="1:78" ht="25.5">
      <c r="A32" s="46" t="s">
        <v>444</v>
      </c>
      <c r="B32" s="285">
        <v>88</v>
      </c>
      <c r="C32" s="289">
        <v>0.45691503009746764</v>
      </c>
      <c r="D32" s="98">
        <v>0.10182441233115727</v>
      </c>
      <c r="E32" s="289">
        <v>0.13573372661075692</v>
      </c>
      <c r="F32" s="98">
        <v>7.3278813307627061E-2</v>
      </c>
      <c r="G32" s="289">
        <v>0.40735124329177547</v>
      </c>
      <c r="H32" s="98">
        <v>0.10055441978268373</v>
      </c>
      <c r="I32" s="285">
        <v>84</v>
      </c>
      <c r="J32" s="289">
        <v>0.23858988885973312</v>
      </c>
      <c r="K32" s="98">
        <v>9.0529131500988319E-2</v>
      </c>
      <c r="L32" s="289">
        <v>0.29477027955108881</v>
      </c>
      <c r="M32" s="98">
        <v>9.6116051769041727E-2</v>
      </c>
      <c r="N32" s="289">
        <v>0.46663983158917804</v>
      </c>
      <c r="O32" s="98">
        <v>0.10425626819408433</v>
      </c>
      <c r="P32" s="285">
        <v>83</v>
      </c>
      <c r="Q32" s="289">
        <v>0.23041498297502203</v>
      </c>
      <c r="R32" s="98">
        <v>9.0101491455523611E-2</v>
      </c>
      <c r="S32" s="289">
        <v>0.27003344963739068</v>
      </c>
      <c r="T32" s="98">
        <v>9.4412309609898992E-2</v>
      </c>
      <c r="U32" s="289">
        <v>0.49955156738758733</v>
      </c>
      <c r="V32" s="98">
        <v>0.10506698995416563</v>
      </c>
      <c r="W32" s="285">
        <v>70</v>
      </c>
      <c r="X32" s="289">
        <v>0.40954867777781195</v>
      </c>
      <c r="Y32" s="98">
        <v>0.1122422669171433</v>
      </c>
      <c r="Z32" s="289">
        <v>0.19597730421069759</v>
      </c>
      <c r="AA32" s="98">
        <v>9.3191973099502737E-2</v>
      </c>
      <c r="AB32" s="289">
        <v>0.39447401801149051</v>
      </c>
      <c r="AC32" s="98">
        <v>0.11162925699177907</v>
      </c>
      <c r="AD32" s="285">
        <v>89</v>
      </c>
      <c r="AE32" s="289">
        <v>0.39327570361399877</v>
      </c>
      <c r="AF32" s="98">
        <v>9.9478581876463079E-2</v>
      </c>
      <c r="AG32" s="289">
        <v>0.18016159533714574</v>
      </c>
      <c r="AH32" s="98">
        <v>8.0355081045316759E-2</v>
      </c>
      <c r="AI32" s="289">
        <v>0.42656270104885546</v>
      </c>
      <c r="AJ32" s="98">
        <v>0.10061242399170695</v>
      </c>
      <c r="AK32" s="285">
        <v>77</v>
      </c>
      <c r="AL32" s="289">
        <v>0.38938421347841773</v>
      </c>
      <c r="AM32" s="98">
        <v>0.10645364228550104</v>
      </c>
      <c r="AN32" s="289">
        <v>0.16415680470136854</v>
      </c>
      <c r="AO32" s="98">
        <v>8.3801757169934599E-2</v>
      </c>
      <c r="AP32" s="289">
        <v>0.44645898182021371</v>
      </c>
      <c r="AQ32" s="98">
        <v>0.10832326510113881</v>
      </c>
      <c r="AR32" s="285">
        <v>96</v>
      </c>
      <c r="AS32" s="289">
        <v>0.75952910846996424</v>
      </c>
      <c r="AT32" s="98">
        <v>8.4966689938723416E-2</v>
      </c>
      <c r="AU32" s="289">
        <v>0.10285660014873491</v>
      </c>
      <c r="AV32" s="98">
        <v>6.3403074700722123E-2</v>
      </c>
      <c r="AW32" s="289">
        <v>0.1376142913813008</v>
      </c>
      <c r="AX32" s="98">
        <v>7.0388933140496338E-2</v>
      </c>
      <c r="AY32" s="285">
        <v>88</v>
      </c>
      <c r="AZ32" s="289">
        <v>0.56993932929515079</v>
      </c>
      <c r="BA32" s="98">
        <v>0.1012534096760522</v>
      </c>
      <c r="BB32" s="289">
        <v>0.12209915608461336</v>
      </c>
      <c r="BC32" s="98">
        <v>7.0591703762320129E-2</v>
      </c>
      <c r="BD32" s="289">
        <v>0.30796151462023585</v>
      </c>
      <c r="BE32" s="98">
        <v>9.5027347437352971E-2</v>
      </c>
      <c r="BF32" s="285">
        <v>86</v>
      </c>
      <c r="BG32" s="289">
        <v>0.35782050805678034</v>
      </c>
      <c r="BH32" s="98">
        <v>9.9414483526417227E-2</v>
      </c>
      <c r="BI32" s="289">
        <v>0.2311488425369119</v>
      </c>
      <c r="BJ32" s="98">
        <v>8.8622746340250261E-2</v>
      </c>
      <c r="BK32" s="289">
        <v>0.41103064940630774</v>
      </c>
      <c r="BL32" s="98">
        <v>0.10179688602268075</v>
      </c>
      <c r="BM32" s="285">
        <v>94</v>
      </c>
      <c r="BN32" s="289">
        <v>0.46661649456950044</v>
      </c>
      <c r="BO32" s="98">
        <v>9.8791734043831708E-2</v>
      </c>
      <c r="BP32" s="289">
        <v>0.21955150984898938</v>
      </c>
      <c r="BQ32" s="98">
        <v>8.3447077733922168E-2</v>
      </c>
      <c r="BR32" s="289">
        <v>0.31383199558151015</v>
      </c>
      <c r="BS32" s="98">
        <v>9.2466370399058195E-2</v>
      </c>
      <c r="BT32" s="285">
        <v>60</v>
      </c>
      <c r="BU32" s="289">
        <v>0.51828582377974852</v>
      </c>
      <c r="BV32" s="98">
        <v>0.12242797796559542</v>
      </c>
      <c r="BW32" s="289">
        <v>0.1865295999027996</v>
      </c>
      <c r="BX32" s="98">
        <v>9.9107096197653927E-2</v>
      </c>
      <c r="BY32" s="289">
        <v>0.29518457631745187</v>
      </c>
      <c r="BZ32" s="98">
        <v>0.11310683046170825</v>
      </c>
    </row>
    <row r="33" spans="1:78">
      <c r="A33" s="54" t="s">
        <v>445</v>
      </c>
      <c r="B33" s="282">
        <v>183</v>
      </c>
      <c r="C33" s="288">
        <v>0.45321290791453328</v>
      </c>
      <c r="D33" s="95">
        <v>7.13635913861074E-2</v>
      </c>
      <c r="E33" s="288">
        <v>0.1728407543979496</v>
      </c>
      <c r="F33" s="95">
        <v>5.5046104267831235E-2</v>
      </c>
      <c r="G33" s="288">
        <v>0.37394633768751712</v>
      </c>
      <c r="H33" s="95">
        <v>6.944941054171988E-2</v>
      </c>
      <c r="I33" s="282">
        <v>188</v>
      </c>
      <c r="J33" s="288">
        <v>0.52524189813139688</v>
      </c>
      <c r="K33" s="95">
        <v>7.0638945381170617E-2</v>
      </c>
      <c r="L33" s="288">
        <v>0.18762487050950763</v>
      </c>
      <c r="M33" s="95">
        <v>5.5948256727356913E-2</v>
      </c>
      <c r="N33" s="288">
        <v>0.28713323135909546</v>
      </c>
      <c r="O33" s="95">
        <v>6.4287191250805023E-2</v>
      </c>
      <c r="P33" s="282">
        <v>186</v>
      </c>
      <c r="Q33" s="288">
        <v>0.58364606753259995</v>
      </c>
      <c r="R33" s="95">
        <v>7.0136761961723984E-2</v>
      </c>
      <c r="S33" s="288">
        <v>0.1554984986876094</v>
      </c>
      <c r="T33" s="95">
        <v>5.2489035972591101E-2</v>
      </c>
      <c r="U33" s="288">
        <v>0.26085543377979065</v>
      </c>
      <c r="V33" s="95">
        <v>6.2821871798219894E-2</v>
      </c>
      <c r="W33" s="282">
        <v>139</v>
      </c>
      <c r="X33" s="288">
        <v>5.5813343582482002E-2</v>
      </c>
      <c r="Y33" s="95">
        <v>4.1328926309130438E-2</v>
      </c>
      <c r="Z33" s="288">
        <v>4.8353657240769635E-2</v>
      </c>
      <c r="AA33" s="95">
        <v>3.922318843958033E-2</v>
      </c>
      <c r="AB33" s="288">
        <v>0.89583299917674841</v>
      </c>
      <c r="AC33" s="95">
        <v>5.2336080214980041E-2</v>
      </c>
      <c r="AD33" s="282">
        <v>185</v>
      </c>
      <c r="AE33" s="288">
        <v>0.54676384376241072</v>
      </c>
      <c r="AF33" s="95">
        <v>7.0985161503118524E-2</v>
      </c>
      <c r="AG33" s="288">
        <v>0.22325259721313262</v>
      </c>
      <c r="AH33" s="95">
        <v>5.9916051886025203E-2</v>
      </c>
      <c r="AI33" s="288">
        <v>0.22998355902445666</v>
      </c>
      <c r="AJ33" s="95">
        <v>6.0511196268892196E-2</v>
      </c>
      <c r="AK33" s="282">
        <v>171</v>
      </c>
      <c r="AL33" s="288">
        <v>0.21826451194535934</v>
      </c>
      <c r="AM33" s="95">
        <v>6.1840977269009757E-2</v>
      </c>
      <c r="AN33" s="288">
        <v>0.11083318710191219</v>
      </c>
      <c r="AO33" s="95">
        <v>4.8099883712182427E-2</v>
      </c>
      <c r="AP33" s="288">
        <v>0.67090230095272851</v>
      </c>
      <c r="AQ33" s="95">
        <v>6.9827002466081117E-2</v>
      </c>
      <c r="AR33" s="282">
        <v>199</v>
      </c>
      <c r="AS33" s="288">
        <v>0.70221372992675068</v>
      </c>
      <c r="AT33" s="95">
        <v>6.3145972142336623E-2</v>
      </c>
      <c r="AU33" s="288">
        <v>0.14237977016908082</v>
      </c>
      <c r="AV33" s="95">
        <v>4.9043082331572715E-2</v>
      </c>
      <c r="AW33" s="288">
        <v>0.15540649990416849</v>
      </c>
      <c r="AX33" s="95">
        <v>5.0710734148950228E-2</v>
      </c>
      <c r="AY33" s="282">
        <v>196</v>
      </c>
      <c r="AZ33" s="288">
        <v>0.72830000155800323</v>
      </c>
      <c r="BA33" s="95">
        <v>6.1971824232788145E-2</v>
      </c>
      <c r="BB33" s="288">
        <v>0.13948698215597291</v>
      </c>
      <c r="BC33" s="95">
        <v>4.9034711369502361E-2</v>
      </c>
      <c r="BD33" s="288">
        <v>0.1322130162860238</v>
      </c>
      <c r="BE33" s="95">
        <v>4.8027863020235401E-2</v>
      </c>
      <c r="BF33" s="282">
        <v>179</v>
      </c>
      <c r="BG33" s="288">
        <v>0.40550312976679453</v>
      </c>
      <c r="BH33" s="95">
        <v>7.119507069160963E-2</v>
      </c>
      <c r="BI33" s="288">
        <v>0.20270322067836299</v>
      </c>
      <c r="BJ33" s="95">
        <v>5.8931276767957452E-2</v>
      </c>
      <c r="BK33" s="288">
        <v>0.39179364955484247</v>
      </c>
      <c r="BL33" s="95">
        <v>7.0802003153429577E-2</v>
      </c>
      <c r="BM33" s="282">
        <v>200</v>
      </c>
      <c r="BN33" s="288">
        <v>0.69737589161269997</v>
      </c>
      <c r="BO33" s="95">
        <v>6.3266990470131693E-2</v>
      </c>
      <c r="BP33" s="288">
        <v>0.13753166630090252</v>
      </c>
      <c r="BQ33" s="95">
        <v>4.8267885769391505E-2</v>
      </c>
      <c r="BR33" s="288">
        <v>0.16509244208639748</v>
      </c>
      <c r="BS33" s="95">
        <v>5.1746277527614716E-2</v>
      </c>
      <c r="BT33" s="282">
        <v>131</v>
      </c>
      <c r="BU33" s="288">
        <v>0.18239295310028009</v>
      </c>
      <c r="BV33" s="95">
        <v>6.64164963357389E-2</v>
      </c>
      <c r="BW33" s="288">
        <v>3.9448489747478666E-2</v>
      </c>
      <c r="BX33" s="95">
        <v>3.7823970969576973E-2</v>
      </c>
      <c r="BY33" s="288">
        <v>0.77815855715224125</v>
      </c>
      <c r="BZ33" s="95">
        <v>7.099921141595944E-2</v>
      </c>
    </row>
    <row r="34" spans="1:78">
      <c r="A34" s="46" t="s">
        <v>446</v>
      </c>
      <c r="B34" s="285">
        <v>91</v>
      </c>
      <c r="C34" s="289">
        <v>0.46163152849846312</v>
      </c>
      <c r="D34" s="98">
        <v>0.10027387990476967</v>
      </c>
      <c r="E34" s="289">
        <v>9.3174196707305798E-2</v>
      </c>
      <c r="F34" s="98">
        <v>6.2995598806245182E-2</v>
      </c>
      <c r="G34" s="289">
        <v>0.44519427479423107</v>
      </c>
      <c r="H34" s="98">
        <v>9.9990123198730074E-2</v>
      </c>
      <c r="I34" s="285">
        <v>90</v>
      </c>
      <c r="J34" s="289">
        <v>0.60940925085960063</v>
      </c>
      <c r="K34" s="98">
        <v>9.883604284691011E-2</v>
      </c>
      <c r="L34" s="289">
        <v>0.17488839213265708</v>
      </c>
      <c r="M34" s="98">
        <v>7.9102294149761915E-2</v>
      </c>
      <c r="N34" s="289">
        <v>0.21570235700774223</v>
      </c>
      <c r="O34" s="98">
        <v>8.4787921645011755E-2</v>
      </c>
      <c r="P34" s="285">
        <v>91</v>
      </c>
      <c r="Q34" s="289">
        <v>0.58739086493286941</v>
      </c>
      <c r="R34" s="98">
        <v>9.9126697577282555E-2</v>
      </c>
      <c r="S34" s="289">
        <v>0.19686427796052264</v>
      </c>
      <c r="T34" s="98">
        <v>8.1853000032288362E-2</v>
      </c>
      <c r="U34" s="289">
        <v>0.21574485710660807</v>
      </c>
      <c r="V34" s="98">
        <v>8.432917973974273E-2</v>
      </c>
      <c r="W34" s="285">
        <v>67</v>
      </c>
      <c r="X34" s="289">
        <v>7.1586072016704028E-2</v>
      </c>
      <c r="Y34" s="98">
        <v>6.8435886829860154E-2</v>
      </c>
      <c r="Z34" s="289">
        <v>3.5631949688196461E-2</v>
      </c>
      <c r="AA34" s="98">
        <v>5.6007683622488542E-2</v>
      </c>
      <c r="AB34" s="289">
        <v>0.89278197829509953</v>
      </c>
      <c r="AC34" s="98">
        <v>7.8059727843158844E-2</v>
      </c>
      <c r="AD34" s="285">
        <v>92</v>
      </c>
      <c r="AE34" s="289">
        <v>0.52302410062631921</v>
      </c>
      <c r="AF34" s="98">
        <v>9.9923392664632821E-2</v>
      </c>
      <c r="AG34" s="289">
        <v>0.27587929237740544</v>
      </c>
      <c r="AH34" s="98">
        <v>9.032242015953483E-2</v>
      </c>
      <c r="AI34" s="289">
        <v>0.20109660699627535</v>
      </c>
      <c r="AJ34" s="98">
        <v>8.197972910629564E-2</v>
      </c>
      <c r="AK34" s="285">
        <v>86</v>
      </c>
      <c r="AL34" s="289">
        <v>0.18245474053578475</v>
      </c>
      <c r="AM34" s="98">
        <v>8.2104256862330402E-2</v>
      </c>
      <c r="AN34" s="289">
        <v>0.17111978972425873</v>
      </c>
      <c r="AO34" s="98">
        <v>8.0346340110228884E-2</v>
      </c>
      <c r="AP34" s="289">
        <v>0.64642546973995663</v>
      </c>
      <c r="AQ34" s="98">
        <v>9.9173986894770402E-2</v>
      </c>
      <c r="AR34" s="285">
        <v>100</v>
      </c>
      <c r="AS34" s="289">
        <v>0.70729352235637566</v>
      </c>
      <c r="AT34" s="98">
        <v>8.8131134547083087E-2</v>
      </c>
      <c r="AU34" s="289">
        <v>0.17824751286736909</v>
      </c>
      <c r="AV34" s="98">
        <v>7.5492210171493226E-2</v>
      </c>
      <c r="AW34" s="289">
        <v>0.1144589647762552</v>
      </c>
      <c r="AX34" s="98">
        <v>6.4484451742568824E-2</v>
      </c>
      <c r="AY34" s="285">
        <v>96</v>
      </c>
      <c r="AZ34" s="289">
        <v>0.76491760830114075</v>
      </c>
      <c r="BA34" s="98">
        <v>8.4375866465071711E-2</v>
      </c>
      <c r="BB34" s="289">
        <v>5.1271871418628996E-2</v>
      </c>
      <c r="BC34" s="98">
        <v>4.9750595561889585E-2</v>
      </c>
      <c r="BD34" s="289">
        <v>0.18381052028023029</v>
      </c>
      <c r="BE34" s="98">
        <v>7.7874505960040211E-2</v>
      </c>
      <c r="BF34" s="285">
        <v>90</v>
      </c>
      <c r="BG34" s="289">
        <v>0.48128068538556174</v>
      </c>
      <c r="BH34" s="98">
        <v>0.10101432289611983</v>
      </c>
      <c r="BI34" s="289">
        <v>0.16451315968126082</v>
      </c>
      <c r="BJ34" s="98">
        <v>7.7462249891752405E-2</v>
      </c>
      <c r="BK34" s="289">
        <v>0.35420615493317742</v>
      </c>
      <c r="BL34" s="98">
        <v>9.706025596118599E-2</v>
      </c>
      <c r="BM34" s="285">
        <v>100</v>
      </c>
      <c r="BN34" s="289">
        <v>0.64407600928144437</v>
      </c>
      <c r="BO34" s="98">
        <v>9.2334707787231074E-2</v>
      </c>
      <c r="BP34" s="289">
        <v>0.11053381064260455</v>
      </c>
      <c r="BQ34" s="98">
        <v>6.3673811841468725E-2</v>
      </c>
      <c r="BR34" s="289">
        <v>0.24539018007595104</v>
      </c>
      <c r="BS34" s="98">
        <v>8.3789574722668195E-2</v>
      </c>
      <c r="BT34" s="285">
        <v>63</v>
      </c>
      <c r="BU34" s="289">
        <v>0.17760878076749287</v>
      </c>
      <c r="BV34" s="98">
        <v>9.5211569116173053E-2</v>
      </c>
      <c r="BW34" s="289">
        <v>3.5222593910878938E-2</v>
      </c>
      <c r="BX34" s="98">
        <v>5.8165286115171064E-2</v>
      </c>
      <c r="BY34" s="289">
        <v>0.78716862532162823</v>
      </c>
      <c r="BZ34" s="98">
        <v>0.10076550981971742</v>
      </c>
    </row>
    <row r="35" spans="1:78">
      <c r="A35" s="54" t="s">
        <v>447</v>
      </c>
      <c r="B35" s="282">
        <v>92</v>
      </c>
      <c r="C35" s="288">
        <v>0.44202246746252283</v>
      </c>
      <c r="D35" s="95">
        <v>9.9401361464734231E-2</v>
      </c>
      <c r="E35" s="288">
        <v>0.27873742250003519</v>
      </c>
      <c r="F35" s="95">
        <v>9.0581028878296874E-2</v>
      </c>
      <c r="G35" s="288">
        <v>0.27924011003744198</v>
      </c>
      <c r="H35" s="95">
        <v>9.0626094077604066E-2</v>
      </c>
      <c r="I35" s="282">
        <v>98</v>
      </c>
      <c r="J35" s="288">
        <v>0.43178137770014058</v>
      </c>
      <c r="K35" s="95">
        <v>9.6197139102336876E-2</v>
      </c>
      <c r="L35" s="288">
        <v>0.20176762133839304</v>
      </c>
      <c r="M35" s="95">
        <v>7.9520092208448245E-2</v>
      </c>
      <c r="N35" s="288">
        <v>0.36645100096146638</v>
      </c>
      <c r="O35" s="95">
        <v>9.378491396474499E-2</v>
      </c>
      <c r="P35" s="282">
        <v>95</v>
      </c>
      <c r="Q35" s="288">
        <v>0.57925264975456903</v>
      </c>
      <c r="R35" s="95">
        <v>9.7347726589339739E-2</v>
      </c>
      <c r="S35" s="288">
        <v>0.10696792930442942</v>
      </c>
      <c r="T35" s="95">
        <v>6.4663613199644435E-2</v>
      </c>
      <c r="U35" s="288">
        <v>0.31377942094100159</v>
      </c>
      <c r="V35" s="95">
        <v>9.1988598379840386E-2</v>
      </c>
      <c r="W35" s="282">
        <v>72</v>
      </c>
      <c r="X35" s="288">
        <v>3.9825389210137417E-2</v>
      </c>
      <c r="Y35" s="95">
        <v>5.5045232190655734E-2</v>
      </c>
      <c r="Z35" s="288">
        <v>6.1248958186137341E-2</v>
      </c>
      <c r="AA35" s="95">
        <v>6.2479250182628968E-2</v>
      </c>
      <c r="AB35" s="288">
        <v>0.89892565260372526</v>
      </c>
      <c r="AC35" s="95">
        <v>7.360110889722167E-2</v>
      </c>
      <c r="AD35" s="282">
        <v>93</v>
      </c>
      <c r="AE35" s="288">
        <v>0.57371921298928608</v>
      </c>
      <c r="AF35" s="95">
        <v>9.8504752780981142E-2</v>
      </c>
      <c r="AG35" s="288">
        <v>0.16349744353640489</v>
      </c>
      <c r="AH35" s="95">
        <v>7.6017965840733226E-2</v>
      </c>
      <c r="AI35" s="288">
        <v>0.26278334347430904</v>
      </c>
      <c r="AJ35" s="95">
        <v>8.8614048869938317E-2</v>
      </c>
      <c r="AK35" s="282">
        <v>85</v>
      </c>
      <c r="AL35" s="288">
        <v>0.26198990793537785</v>
      </c>
      <c r="AM35" s="95">
        <v>9.2523905322787453E-2</v>
      </c>
      <c r="AN35" s="288">
        <v>3.7220442066344034E-2</v>
      </c>
      <c r="AO35" s="95">
        <v>4.8570111126028638E-2</v>
      </c>
      <c r="AP35" s="288">
        <v>0.70078964999827809</v>
      </c>
      <c r="AQ35" s="95">
        <v>9.5935906031413401E-2</v>
      </c>
      <c r="AR35" s="282">
        <v>99</v>
      </c>
      <c r="AS35" s="288">
        <v>0.69530978448266889</v>
      </c>
      <c r="AT35" s="95">
        <v>8.949803432490365E-2</v>
      </c>
      <c r="AU35" s="288">
        <v>9.3631924224197235E-2</v>
      </c>
      <c r="AV35" s="95">
        <v>6.0285166000391403E-2</v>
      </c>
      <c r="AW35" s="288">
        <v>0.21105829129313386</v>
      </c>
      <c r="AX35" s="95">
        <v>8.0296907285768437E-2</v>
      </c>
      <c r="AY35" s="282">
        <v>100</v>
      </c>
      <c r="AZ35" s="288">
        <v>0.68301344281457732</v>
      </c>
      <c r="BA35" s="95">
        <v>8.9948549740646311E-2</v>
      </c>
      <c r="BB35" s="288">
        <v>0.24858637858808036</v>
      </c>
      <c r="BC35" s="95">
        <v>8.411853603877438E-2</v>
      </c>
      <c r="BD35" s="288">
        <v>6.8400178597342431E-2</v>
      </c>
      <c r="BE35" s="95">
        <v>5.3599385361726454E-2</v>
      </c>
      <c r="BF35" s="282">
        <v>89</v>
      </c>
      <c r="BG35" s="288">
        <v>0.31461472735924972</v>
      </c>
      <c r="BH35" s="95">
        <v>9.5009108996584449E-2</v>
      </c>
      <c r="BI35" s="288">
        <v>0.24850878412693722</v>
      </c>
      <c r="BJ35" s="95">
        <v>8.9074002120073104E-2</v>
      </c>
      <c r="BK35" s="288">
        <v>0.436876488513813</v>
      </c>
      <c r="BL35" s="95">
        <v>0.10087686913801029</v>
      </c>
      <c r="BM35" s="282">
        <v>100</v>
      </c>
      <c r="BN35" s="288">
        <v>0.76398087189807917</v>
      </c>
      <c r="BO35" s="95">
        <v>8.2793263709687523E-2</v>
      </c>
      <c r="BP35" s="288">
        <v>0.17126891984102852</v>
      </c>
      <c r="BQ35" s="95">
        <v>7.4458334588232353E-2</v>
      </c>
      <c r="BR35" s="288">
        <v>6.4750208260892325E-2</v>
      </c>
      <c r="BS35" s="95">
        <v>5.2581736597708983E-2</v>
      </c>
      <c r="BT35" s="282">
        <v>68</v>
      </c>
      <c r="BU35" s="288">
        <v>0.18729555741888718</v>
      </c>
      <c r="BV35" s="95">
        <v>9.3194234440740792E-2</v>
      </c>
      <c r="BW35" s="288">
        <v>4.3778997458606139E-2</v>
      </c>
      <c r="BX35" s="95">
        <v>5.8593837300656149E-2</v>
      </c>
      <c r="BY35" s="288">
        <v>0.76892544512250671</v>
      </c>
      <c r="BZ35" s="95">
        <v>9.9483689912857082E-2</v>
      </c>
    </row>
  </sheetData>
  <mergeCells count="16">
    <mergeCell ref="A3:D3"/>
    <mergeCell ref="A4:D4"/>
    <mergeCell ref="A5:D5"/>
    <mergeCell ref="A23:BZ23"/>
    <mergeCell ref="A22:BZ22"/>
    <mergeCell ref="B24:H24"/>
    <mergeCell ref="I24:O24"/>
    <mergeCell ref="P24:V24"/>
    <mergeCell ref="W24:AC24"/>
    <mergeCell ref="AD24:AJ24"/>
    <mergeCell ref="BT24:BZ24"/>
    <mergeCell ref="AK24:AQ24"/>
    <mergeCell ref="AR24:AX24"/>
    <mergeCell ref="AY24:BE24"/>
    <mergeCell ref="BF24:BL24"/>
    <mergeCell ref="BM24:BS2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6"/>
  <sheetViews>
    <sheetView workbookViewId="0">
      <selection activeCell="A11" sqref="A11"/>
    </sheetView>
  </sheetViews>
  <sheetFormatPr defaultColWidth="8.85546875" defaultRowHeight="15"/>
  <cols>
    <col min="1" max="1" width="140" style="6" customWidth="1"/>
    <col min="2" max="9" width="8.85546875" style="18"/>
    <col min="10" max="10" width="19.42578125" style="18" customWidth="1"/>
    <col min="11" max="12" width="8.85546875" style="18"/>
    <col min="13" max="13" width="9.140625" style="18" customWidth="1"/>
    <col min="14" max="16384" width="8.85546875" style="18"/>
  </cols>
  <sheetData>
    <row r="1" spans="1:14" s="9" customFormat="1" ht="23.25">
      <c r="A1" s="307" t="s">
        <v>4</v>
      </c>
      <c r="F1" s="321"/>
      <c r="G1" s="321"/>
      <c r="H1" s="321"/>
      <c r="I1" s="321"/>
      <c r="J1" s="321"/>
      <c r="K1" s="321"/>
      <c r="L1" s="321"/>
      <c r="M1" s="321"/>
      <c r="N1" s="321"/>
    </row>
    <row r="2" spans="1:14" ht="21">
      <c r="A2" s="296"/>
      <c r="B2" s="12"/>
      <c r="C2" s="12"/>
      <c r="D2" s="12"/>
      <c r="E2" s="12"/>
      <c r="F2" s="322"/>
      <c r="G2" s="322"/>
      <c r="H2" s="322"/>
      <c r="I2" s="322"/>
      <c r="J2" s="322"/>
      <c r="K2" s="322"/>
      <c r="L2" s="322"/>
      <c r="M2" s="322"/>
      <c r="N2" s="322"/>
    </row>
    <row r="3" spans="1:14" s="11" customFormat="1" ht="21">
      <c r="A3" s="308" t="s">
        <v>294</v>
      </c>
      <c r="B3" s="10"/>
      <c r="C3" s="10"/>
      <c r="D3" s="10"/>
      <c r="E3" s="10"/>
      <c r="F3" s="17"/>
      <c r="G3" s="17"/>
      <c r="H3" s="17"/>
      <c r="I3" s="17"/>
      <c r="J3" s="17"/>
      <c r="K3" s="17"/>
      <c r="L3" s="17"/>
      <c r="M3" s="17"/>
      <c r="N3" s="17"/>
    </row>
    <row r="4" spans="1:14" s="11" customFormat="1" ht="31.5">
      <c r="A4" s="309" t="s">
        <v>431</v>
      </c>
      <c r="B4" s="10"/>
      <c r="C4" s="10"/>
      <c r="D4" s="10"/>
      <c r="E4" s="10"/>
      <c r="F4" s="17"/>
      <c r="G4" s="17"/>
      <c r="H4" s="17"/>
      <c r="I4" s="17"/>
      <c r="J4" s="17"/>
      <c r="K4" s="17"/>
      <c r="L4" s="17"/>
      <c r="M4" s="17"/>
      <c r="N4" s="17"/>
    </row>
    <row r="5" spans="1:14" ht="18.75" customHeight="1">
      <c r="A5" s="296"/>
      <c r="B5" s="12"/>
      <c r="C5" s="12"/>
      <c r="D5" s="12"/>
      <c r="E5" s="12"/>
      <c r="F5" s="17"/>
      <c r="G5" s="17"/>
      <c r="H5" s="17"/>
      <c r="I5" s="17"/>
      <c r="J5" s="17"/>
      <c r="K5" s="17"/>
      <c r="L5" s="17"/>
      <c r="M5" s="17"/>
      <c r="N5" s="17"/>
    </row>
    <row r="6" spans="1:14">
      <c r="A6" s="310" t="s">
        <v>295</v>
      </c>
      <c r="B6" s="12"/>
      <c r="C6" s="12"/>
      <c r="D6" s="12"/>
      <c r="E6" s="12"/>
    </row>
    <row r="7" spans="1:14" ht="51" customHeight="1">
      <c r="A7" s="311" t="s">
        <v>432</v>
      </c>
      <c r="B7" s="12"/>
      <c r="C7" s="12"/>
      <c r="D7" s="12"/>
      <c r="E7" s="12"/>
      <c r="F7" s="12"/>
      <c r="G7" s="12"/>
    </row>
    <row r="8" spans="1:14">
      <c r="A8" s="291"/>
      <c r="B8" s="12"/>
      <c r="C8" s="12"/>
      <c r="D8" s="12"/>
      <c r="E8" s="12"/>
      <c r="F8" s="12"/>
      <c r="G8" s="12"/>
    </row>
    <row r="9" spans="1:14">
      <c r="A9" s="308" t="s">
        <v>296</v>
      </c>
      <c r="B9" s="12"/>
      <c r="C9" s="12"/>
      <c r="D9" s="12"/>
      <c r="E9" s="12"/>
      <c r="F9" s="12"/>
      <c r="G9" s="12"/>
    </row>
    <row r="10" spans="1:14" ht="30">
      <c r="A10" s="309" t="s">
        <v>452</v>
      </c>
      <c r="B10" s="12"/>
      <c r="C10" s="12"/>
      <c r="D10" s="12"/>
      <c r="E10" s="12"/>
      <c r="F10" s="12"/>
      <c r="G10" s="12"/>
    </row>
    <row r="11" spans="1:14">
      <c r="A11" s="296"/>
      <c r="B11" s="13"/>
      <c r="C11" s="13"/>
      <c r="D11" s="13"/>
      <c r="E11" s="13"/>
    </row>
    <row r="12" spans="1:14">
      <c r="A12" s="308" t="s">
        <v>297</v>
      </c>
    </row>
    <row r="13" spans="1:14" ht="135">
      <c r="A13" s="309" t="s">
        <v>433</v>
      </c>
    </row>
    <row r="14" spans="1:14">
      <c r="A14" s="291"/>
    </row>
    <row r="15" spans="1:14">
      <c r="A15" s="310" t="s">
        <v>5</v>
      </c>
    </row>
    <row r="16" spans="1:14" ht="45">
      <c r="A16" s="311" t="s">
        <v>298</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2"/>
  <sheetViews>
    <sheetView topLeftCell="A7" workbookViewId="0">
      <selection activeCell="A13" sqref="A13"/>
    </sheetView>
  </sheetViews>
  <sheetFormatPr defaultColWidth="8.85546875" defaultRowHeight="15"/>
  <cols>
    <col min="1" max="1" width="135.85546875" style="290" customWidth="1"/>
    <col min="2" max="8" width="8.85546875" style="292"/>
    <col min="9" max="9" width="19.42578125" style="292" customWidth="1"/>
    <col min="10" max="11" width="8.85546875" style="292"/>
    <col min="12" max="12" width="8.85546875" style="292" customWidth="1"/>
    <col min="13" max="16384" width="8.85546875" style="292"/>
  </cols>
  <sheetData>
    <row r="1" spans="1:15" ht="23.25">
      <c r="A1" s="307" t="s">
        <v>448</v>
      </c>
      <c r="B1" s="8"/>
      <c r="C1" s="8"/>
      <c r="D1" s="8"/>
      <c r="E1" s="8"/>
      <c r="F1" s="8"/>
      <c r="G1" s="8"/>
      <c r="H1" s="8"/>
      <c r="O1" s="7"/>
    </row>
    <row r="2" spans="1:15" ht="120">
      <c r="A2" s="313" t="s">
        <v>449</v>
      </c>
      <c r="B2" s="12"/>
      <c r="C2" s="12"/>
      <c r="D2" s="12"/>
      <c r="E2" s="12"/>
    </row>
    <row r="3" spans="1:15">
      <c r="A3" s="309"/>
      <c r="B3" s="12"/>
      <c r="C3" s="12"/>
      <c r="D3" s="12"/>
      <c r="E3" s="12"/>
    </row>
    <row r="4" spans="1:15">
      <c r="A4" s="314" t="s">
        <v>0</v>
      </c>
      <c r="B4" s="12"/>
      <c r="C4" s="12"/>
      <c r="D4" s="12"/>
      <c r="E4" s="12"/>
    </row>
    <row r="5" spans="1:15" ht="75">
      <c r="A5" s="315" t="s">
        <v>435</v>
      </c>
      <c r="B5" s="12"/>
      <c r="C5" s="12"/>
      <c r="D5" s="12"/>
      <c r="E5" s="12"/>
    </row>
    <row r="6" spans="1:15">
      <c r="A6" s="309"/>
      <c r="B6" s="12"/>
      <c r="C6" s="12"/>
      <c r="D6" s="12"/>
      <c r="E6" s="12"/>
    </row>
    <row r="7" spans="1:15">
      <c r="A7" s="314" t="s">
        <v>436</v>
      </c>
    </row>
    <row r="8" spans="1:15" ht="60">
      <c r="A8" s="315" t="s">
        <v>437</v>
      </c>
    </row>
    <row r="9" spans="1:15">
      <c r="A9" s="316"/>
    </row>
    <row r="10" spans="1:15">
      <c r="A10" s="317" t="s">
        <v>438</v>
      </c>
    </row>
    <row r="11" spans="1:15">
      <c r="A11" s="311" t="s">
        <v>439</v>
      </c>
    </row>
    <row r="12" spans="1:15" s="16" customFormat="1">
      <c r="A12" s="318"/>
    </row>
    <row r="13" spans="1:15" s="16" customFormat="1">
      <c r="A13" s="319" t="s">
        <v>454</v>
      </c>
    </row>
    <row r="14" spans="1:15" s="16" customFormat="1">
      <c r="A14" s="318" t="s">
        <v>455</v>
      </c>
    </row>
    <row r="15" spans="1:15" s="16" customFormat="1">
      <c r="A15" s="318"/>
    </row>
    <row r="16" spans="1:15">
      <c r="A16" s="319" t="s">
        <v>440</v>
      </c>
    </row>
    <row r="17" spans="1:1">
      <c r="A17" s="318" t="s">
        <v>441</v>
      </c>
    </row>
    <row r="18" spans="1:1">
      <c r="A18" s="312"/>
    </row>
    <row r="19" spans="1:1">
      <c r="A19" s="317" t="s">
        <v>446</v>
      </c>
    </row>
    <row r="20" spans="1:1" ht="45">
      <c r="A20" s="311" t="s">
        <v>450</v>
      </c>
    </row>
    <row r="21" spans="1:1">
      <c r="A21" s="318"/>
    </row>
    <row r="22" spans="1:1">
      <c r="A22" s="319" t="s">
        <v>447</v>
      </c>
    </row>
    <row r="23" spans="1:1" ht="30">
      <c r="A23" s="311" t="s">
        <v>451</v>
      </c>
    </row>
    <row r="24" spans="1:1">
      <c r="A24" s="292"/>
    </row>
    <row r="25" spans="1:1">
      <c r="A25" s="292"/>
    </row>
    <row r="26" spans="1:1">
      <c r="A26" s="292"/>
    </row>
    <row r="27" spans="1:1">
      <c r="A27" s="292"/>
    </row>
    <row r="28" spans="1:1">
      <c r="A28" s="292"/>
    </row>
    <row r="29" spans="1:1">
      <c r="A29" s="292"/>
    </row>
    <row r="30" spans="1:1">
      <c r="A30" s="292"/>
    </row>
    <row r="31" spans="1:1">
      <c r="A31" s="292"/>
    </row>
    <row r="32" spans="1:1">
      <c r="A32" s="292"/>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63"/>
  <sheetViews>
    <sheetView zoomScaleNormal="100" workbookViewId="0">
      <selection activeCell="B160" sqref="B160"/>
    </sheetView>
  </sheetViews>
  <sheetFormatPr defaultColWidth="8.85546875" defaultRowHeight="15"/>
  <cols>
    <col min="1" max="1" width="8.85546875" style="14"/>
    <col min="2" max="2" width="35.7109375" style="292" customWidth="1"/>
    <col min="3" max="3" width="36.140625" style="292" customWidth="1"/>
    <col min="4" max="4" width="21.140625" style="292" customWidth="1"/>
    <col min="5" max="5" width="8.85546875" style="292"/>
    <col min="6" max="6" width="23.42578125" style="292" customWidth="1"/>
    <col min="7" max="16384" width="8.85546875" style="292"/>
  </cols>
  <sheetData>
    <row r="1" spans="1:9" ht="21">
      <c r="A1" s="325" t="s">
        <v>1</v>
      </c>
      <c r="B1" s="325"/>
      <c r="C1" s="325"/>
      <c r="D1" s="325"/>
      <c r="E1" s="294"/>
      <c r="F1" s="294"/>
      <c r="G1" s="294"/>
      <c r="H1" s="294"/>
      <c r="I1" s="294"/>
    </row>
    <row r="2" spans="1:9" ht="21">
      <c r="A2" s="295"/>
      <c r="B2" s="295"/>
      <c r="C2" s="295"/>
      <c r="D2" s="295"/>
      <c r="E2" s="294"/>
      <c r="F2" s="294"/>
      <c r="G2" s="294"/>
      <c r="H2" s="294"/>
      <c r="I2" s="294"/>
    </row>
    <row r="3" spans="1:9" ht="21">
      <c r="A3" s="295" t="s">
        <v>8</v>
      </c>
      <c r="B3" s="295"/>
      <c r="C3" s="295"/>
      <c r="D3" s="295"/>
      <c r="E3" s="294"/>
      <c r="F3" s="294"/>
      <c r="G3" s="294"/>
      <c r="H3" s="294"/>
      <c r="I3" s="294"/>
    </row>
    <row r="4" spans="1:9" ht="21">
      <c r="A4" s="19"/>
      <c r="B4" s="294"/>
      <c r="C4" s="294"/>
      <c r="D4" s="294"/>
      <c r="E4" s="20"/>
      <c r="F4" s="294"/>
      <c r="G4" s="294"/>
      <c r="H4" s="294"/>
      <c r="I4" s="294"/>
    </row>
    <row r="5" spans="1:9" ht="18.75">
      <c r="A5" s="303" t="s">
        <v>82</v>
      </c>
      <c r="B5" s="21"/>
      <c r="C5" s="21"/>
      <c r="D5" s="294"/>
      <c r="E5" s="294"/>
      <c r="F5" s="294"/>
      <c r="G5" s="294"/>
      <c r="H5" s="294"/>
      <c r="I5" s="294"/>
    </row>
    <row r="6" spans="1:9" ht="18.75">
      <c r="A6" s="29"/>
      <c r="B6" s="21"/>
      <c r="C6" s="21"/>
      <c r="D6" s="294"/>
      <c r="E6" s="294"/>
      <c r="F6" s="294"/>
      <c r="G6" s="294"/>
      <c r="H6" s="294"/>
      <c r="I6" s="294"/>
    </row>
    <row r="7" spans="1:9" ht="18.75">
      <c r="A7" s="22">
        <v>1</v>
      </c>
      <c r="B7" s="304" t="s">
        <v>9</v>
      </c>
      <c r="C7" s="294"/>
      <c r="D7" s="294"/>
      <c r="E7" s="24"/>
      <c r="F7" s="24"/>
      <c r="G7" s="294"/>
      <c r="H7" s="294"/>
      <c r="I7" s="294"/>
    </row>
    <row r="8" spans="1:9">
      <c r="A8" s="22"/>
      <c r="B8" s="324" t="s">
        <v>12</v>
      </c>
      <c r="C8" s="324"/>
      <c r="D8" s="324"/>
      <c r="E8" s="324"/>
      <c r="F8" s="324"/>
      <c r="G8" s="294"/>
      <c r="H8" s="294"/>
      <c r="I8" s="294"/>
    </row>
    <row r="9" spans="1:9" ht="18.75">
      <c r="A9" s="29"/>
      <c r="B9" s="21"/>
      <c r="C9" s="21"/>
      <c r="D9" s="294"/>
      <c r="E9" s="294"/>
      <c r="F9" s="294"/>
      <c r="G9" s="294"/>
      <c r="H9" s="294"/>
      <c r="I9" s="294"/>
    </row>
    <row r="10" spans="1:9" ht="18.75">
      <c r="A10" s="22">
        <v>1</v>
      </c>
      <c r="B10" s="304" t="s">
        <v>10</v>
      </c>
      <c r="C10" s="294"/>
      <c r="D10" s="294"/>
      <c r="E10" s="24"/>
      <c r="F10" s="24"/>
      <c r="G10" s="294"/>
      <c r="H10" s="294"/>
      <c r="I10" s="294"/>
    </row>
    <row r="11" spans="1:9">
      <c r="A11" s="22"/>
      <c r="B11" s="324" t="s">
        <v>13</v>
      </c>
      <c r="C11" s="324"/>
      <c r="D11" s="324"/>
      <c r="E11" s="25"/>
      <c r="F11" s="25"/>
      <c r="G11" s="294"/>
      <c r="H11" s="294"/>
      <c r="I11" s="294"/>
    </row>
    <row r="12" spans="1:9" ht="18.75">
      <c r="A12" s="29"/>
      <c r="B12" s="21"/>
      <c r="C12" s="21"/>
      <c r="D12" s="294"/>
      <c r="E12" s="294"/>
      <c r="F12" s="294"/>
      <c r="G12" s="294"/>
      <c r="H12" s="294"/>
      <c r="I12" s="294"/>
    </row>
    <row r="13" spans="1:9" ht="18.75">
      <c r="A13" s="22">
        <v>1</v>
      </c>
      <c r="B13" s="304" t="s">
        <v>74</v>
      </c>
      <c r="C13" s="21"/>
      <c r="D13" s="294"/>
      <c r="E13" s="294"/>
      <c r="F13" s="294"/>
      <c r="G13" s="294"/>
      <c r="H13" s="294"/>
      <c r="I13" s="294"/>
    </row>
    <row r="14" spans="1:9" ht="18.75">
      <c r="A14" s="29"/>
      <c r="B14" s="294" t="s">
        <v>75</v>
      </c>
      <c r="C14" s="21"/>
      <c r="D14" s="294"/>
      <c r="E14" s="294"/>
      <c r="F14" s="294"/>
      <c r="G14" s="294"/>
      <c r="H14" s="294"/>
      <c r="I14" s="294"/>
    </row>
    <row r="15" spans="1:9" ht="18.75">
      <c r="A15" s="29"/>
      <c r="B15" s="294"/>
      <c r="C15" s="21"/>
      <c r="D15" s="294"/>
      <c r="E15" s="294"/>
      <c r="F15" s="294"/>
      <c r="G15" s="294"/>
      <c r="H15" s="294"/>
      <c r="I15" s="294"/>
    </row>
    <row r="16" spans="1:9" ht="18.75">
      <c r="A16" s="22">
        <v>1</v>
      </c>
      <c r="B16" s="304" t="s">
        <v>37</v>
      </c>
      <c r="C16" s="21"/>
      <c r="D16" s="294"/>
      <c r="E16" s="294"/>
      <c r="F16" s="294"/>
      <c r="G16" s="294"/>
      <c r="H16" s="294"/>
      <c r="I16" s="294"/>
    </row>
    <row r="17" spans="1:9" ht="18.75">
      <c r="A17" s="29"/>
      <c r="B17" s="294" t="s">
        <v>76</v>
      </c>
      <c r="C17" s="21"/>
      <c r="D17" s="294"/>
      <c r="E17" s="294"/>
      <c r="F17" s="294"/>
      <c r="G17" s="294"/>
      <c r="H17" s="294"/>
      <c r="I17" s="294"/>
    </row>
    <row r="18" spans="1:9" ht="18.75">
      <c r="A18" s="29"/>
      <c r="B18" s="294"/>
      <c r="C18" s="21"/>
      <c r="D18" s="294"/>
      <c r="E18" s="294"/>
      <c r="F18" s="294"/>
      <c r="G18" s="294"/>
      <c r="H18" s="294"/>
      <c r="I18" s="294"/>
    </row>
    <row r="19" spans="1:9" ht="18.75">
      <c r="A19" s="303" t="s">
        <v>83</v>
      </c>
      <c r="B19" s="294"/>
      <c r="C19" s="21"/>
      <c r="D19" s="294"/>
      <c r="E19" s="294"/>
      <c r="F19" s="294"/>
      <c r="G19" s="294"/>
      <c r="H19" s="294"/>
      <c r="I19" s="294"/>
    </row>
    <row r="20" spans="1:9" ht="18.75">
      <c r="A20" s="29"/>
      <c r="B20" s="294"/>
      <c r="C20" s="21"/>
      <c r="D20" s="294"/>
      <c r="E20" s="294"/>
      <c r="F20" s="294"/>
      <c r="G20" s="294"/>
      <c r="H20" s="294"/>
      <c r="I20" s="294"/>
    </row>
    <row r="21" spans="1:9" s="15" customFormat="1" ht="18.75">
      <c r="A21" s="22">
        <v>2</v>
      </c>
      <c r="B21" s="304" t="s">
        <v>11</v>
      </c>
      <c r="C21" s="294"/>
      <c r="D21" s="294"/>
      <c r="E21" s="24"/>
      <c r="F21" s="24"/>
      <c r="G21" s="24"/>
      <c r="H21" s="24"/>
      <c r="I21" s="24"/>
    </row>
    <row r="22" spans="1:9">
      <c r="A22" s="22"/>
      <c r="B22" s="324" t="s">
        <v>2</v>
      </c>
      <c r="C22" s="324"/>
      <c r="D22" s="324"/>
      <c r="E22" s="324"/>
      <c r="F22" s="324"/>
      <c r="G22" s="324"/>
      <c r="H22" s="294"/>
      <c r="I22" s="294"/>
    </row>
    <row r="23" spans="1:9">
      <c r="A23" s="22"/>
      <c r="B23" s="294"/>
      <c r="C23" s="294"/>
      <c r="D23" s="294"/>
      <c r="E23" s="294"/>
      <c r="F23" s="294"/>
      <c r="G23" s="294"/>
      <c r="H23" s="294"/>
      <c r="I23" s="294"/>
    </row>
    <row r="24" spans="1:9" s="15" customFormat="1" ht="18.75">
      <c r="A24" s="22">
        <v>2</v>
      </c>
      <c r="B24" s="304" t="s">
        <v>77</v>
      </c>
      <c r="C24" s="294"/>
      <c r="D24" s="294"/>
      <c r="E24" s="24"/>
      <c r="F24" s="24"/>
      <c r="G24" s="24"/>
      <c r="H24" s="24"/>
      <c r="I24" s="24"/>
    </row>
    <row r="25" spans="1:9">
      <c r="A25" s="22"/>
      <c r="B25" s="323" t="s">
        <v>78</v>
      </c>
      <c r="C25" s="324"/>
      <c r="D25" s="324"/>
      <c r="E25" s="324"/>
      <c r="F25" s="324"/>
      <c r="G25" s="324"/>
      <c r="H25" s="294"/>
      <c r="I25" s="294"/>
    </row>
    <row r="26" spans="1:9">
      <c r="A26" s="22"/>
      <c r="B26" s="294"/>
      <c r="C26" s="294"/>
      <c r="D26" s="294"/>
      <c r="E26" s="294"/>
      <c r="F26" s="294"/>
      <c r="G26" s="294"/>
      <c r="H26" s="294"/>
      <c r="I26" s="294"/>
    </row>
    <row r="27" spans="1:9">
      <c r="A27" s="22">
        <v>2</v>
      </c>
      <c r="B27" s="304" t="s">
        <v>79</v>
      </c>
      <c r="C27" s="294"/>
      <c r="D27" s="294"/>
      <c r="E27" s="294"/>
      <c r="F27" s="294"/>
      <c r="G27" s="294"/>
      <c r="H27" s="294"/>
      <c r="I27" s="294"/>
    </row>
    <row r="28" spans="1:9">
      <c r="A28" s="22"/>
      <c r="B28" s="294" t="s">
        <v>80</v>
      </c>
      <c r="C28" s="294"/>
      <c r="D28" s="294"/>
      <c r="E28" s="294"/>
      <c r="F28" s="294"/>
      <c r="G28" s="294"/>
      <c r="H28" s="294"/>
      <c r="I28" s="294"/>
    </row>
    <row r="29" spans="1:9">
      <c r="A29" s="22"/>
      <c r="B29" s="294"/>
      <c r="C29" s="294"/>
      <c r="D29" s="294"/>
      <c r="E29" s="294"/>
      <c r="F29" s="294"/>
      <c r="G29" s="294"/>
      <c r="H29" s="294"/>
      <c r="I29" s="294"/>
    </row>
    <row r="30" spans="1:9">
      <c r="A30" s="22">
        <v>2</v>
      </c>
      <c r="B30" s="304" t="s">
        <v>40</v>
      </c>
      <c r="C30" s="294"/>
      <c r="D30" s="294"/>
      <c r="E30" s="294"/>
      <c r="F30" s="294"/>
      <c r="G30" s="294"/>
      <c r="H30" s="294"/>
      <c r="I30" s="294"/>
    </row>
    <row r="31" spans="1:9">
      <c r="A31" s="22"/>
      <c r="B31" s="294" t="s">
        <v>81</v>
      </c>
      <c r="C31" s="294"/>
      <c r="D31" s="294"/>
      <c r="E31" s="294"/>
      <c r="F31" s="294"/>
      <c r="G31" s="294"/>
      <c r="H31" s="294"/>
      <c r="I31" s="294"/>
    </row>
    <row r="32" spans="1:9">
      <c r="A32" s="22"/>
      <c r="B32" s="294"/>
      <c r="C32" s="294"/>
      <c r="D32" s="294"/>
      <c r="E32" s="294"/>
      <c r="F32" s="294"/>
      <c r="G32" s="294"/>
      <c r="H32" s="294"/>
      <c r="I32" s="294"/>
    </row>
    <row r="33" spans="1:9" s="15" customFormat="1" ht="18.75">
      <c r="A33" s="326" t="s">
        <v>22</v>
      </c>
      <c r="B33" s="326"/>
      <c r="C33" s="326"/>
      <c r="D33" s="24"/>
      <c r="E33" s="24"/>
      <c r="F33" s="24"/>
      <c r="G33" s="24"/>
      <c r="H33" s="24"/>
      <c r="I33" s="24"/>
    </row>
    <row r="34" spans="1:9" s="15" customFormat="1" ht="18.75">
      <c r="A34" s="29"/>
      <c r="B34" s="29"/>
      <c r="C34" s="29"/>
      <c r="D34" s="24"/>
      <c r="E34" s="24"/>
      <c r="F34" s="24"/>
      <c r="G34" s="24"/>
      <c r="H34" s="24"/>
      <c r="I34" s="24"/>
    </row>
    <row r="35" spans="1:9" s="15" customFormat="1" ht="18.75">
      <c r="A35" s="303" t="s">
        <v>49</v>
      </c>
      <c r="B35" s="29"/>
      <c r="C35" s="29"/>
      <c r="D35" s="24"/>
      <c r="E35" s="24"/>
      <c r="F35" s="24"/>
      <c r="G35" s="24"/>
      <c r="H35" s="24"/>
      <c r="I35" s="24"/>
    </row>
    <row r="36" spans="1:9" s="15" customFormat="1" ht="18.75">
      <c r="A36" s="29"/>
      <c r="B36" s="29"/>
      <c r="C36" s="29"/>
      <c r="D36" s="24"/>
      <c r="E36" s="24"/>
      <c r="F36" s="24"/>
      <c r="G36" s="24"/>
      <c r="H36" s="24"/>
      <c r="I36" s="24"/>
    </row>
    <row r="37" spans="1:9">
      <c r="A37" s="22">
        <v>3</v>
      </c>
      <c r="B37" s="305" t="s">
        <v>3</v>
      </c>
      <c r="C37" s="294"/>
      <c r="D37" s="294"/>
      <c r="E37" s="294"/>
      <c r="F37" s="294"/>
      <c r="G37" s="294"/>
      <c r="H37" s="294"/>
      <c r="I37" s="294"/>
    </row>
    <row r="38" spans="1:9">
      <c r="A38" s="19"/>
      <c r="B38" s="323" t="s">
        <v>24</v>
      </c>
      <c r="C38" s="324"/>
      <c r="D38" s="324"/>
      <c r="E38" s="324"/>
      <c r="F38" s="23"/>
      <c r="G38" s="294"/>
      <c r="H38" s="294"/>
      <c r="I38" s="294"/>
    </row>
    <row r="39" spans="1:9">
      <c r="A39" s="19"/>
      <c r="B39" s="293"/>
      <c r="C39" s="294"/>
      <c r="D39" s="294"/>
      <c r="E39" s="294"/>
      <c r="F39" s="23"/>
      <c r="G39" s="294"/>
      <c r="H39" s="294"/>
      <c r="I39" s="294"/>
    </row>
    <row r="40" spans="1:9">
      <c r="A40" s="19">
        <v>3</v>
      </c>
      <c r="B40" s="305" t="s">
        <v>41</v>
      </c>
      <c r="C40" s="294"/>
      <c r="D40" s="294"/>
      <c r="E40" s="294"/>
      <c r="F40" s="23"/>
      <c r="G40" s="294"/>
      <c r="H40" s="294"/>
      <c r="I40" s="294"/>
    </row>
    <row r="41" spans="1:9">
      <c r="A41" s="19"/>
      <c r="B41" s="293" t="s">
        <v>84</v>
      </c>
      <c r="C41" s="294"/>
      <c r="D41" s="294"/>
      <c r="E41" s="294"/>
      <c r="F41" s="23"/>
      <c r="G41" s="294"/>
      <c r="H41" s="294"/>
      <c r="I41" s="294"/>
    </row>
    <row r="42" spans="1:9">
      <c r="A42" s="19"/>
      <c r="B42" s="293"/>
      <c r="C42" s="294"/>
      <c r="D42" s="294"/>
      <c r="E42" s="294"/>
      <c r="F42" s="23"/>
      <c r="G42" s="294"/>
      <c r="H42" s="294"/>
      <c r="I42" s="294"/>
    </row>
    <row r="43" spans="1:9">
      <c r="A43" s="19">
        <v>3</v>
      </c>
      <c r="B43" s="305" t="s">
        <v>42</v>
      </c>
      <c r="C43" s="294"/>
      <c r="D43" s="294"/>
      <c r="E43" s="294"/>
      <c r="F43" s="23"/>
      <c r="G43" s="294"/>
      <c r="H43" s="294"/>
      <c r="I43" s="294"/>
    </row>
    <row r="44" spans="1:9">
      <c r="A44" s="19"/>
      <c r="B44" s="293" t="s">
        <v>85</v>
      </c>
      <c r="C44" s="294"/>
      <c r="D44" s="294"/>
      <c r="E44" s="294"/>
      <c r="F44" s="23"/>
      <c r="G44" s="294"/>
      <c r="H44" s="294"/>
      <c r="I44" s="294"/>
    </row>
    <row r="45" spans="1:9">
      <c r="A45" s="19"/>
      <c r="B45" s="293"/>
      <c r="C45" s="294"/>
      <c r="D45" s="294"/>
      <c r="E45" s="294"/>
      <c r="F45" s="23"/>
      <c r="G45" s="294"/>
      <c r="H45" s="294"/>
      <c r="I45" s="294"/>
    </row>
    <row r="46" spans="1:9">
      <c r="A46" s="22">
        <v>3</v>
      </c>
      <c r="B46" s="305" t="s">
        <v>14</v>
      </c>
      <c r="C46" s="294"/>
      <c r="D46" s="294"/>
      <c r="E46" s="294"/>
      <c r="F46" s="294"/>
      <c r="G46" s="294"/>
      <c r="H46" s="294"/>
      <c r="I46" s="294"/>
    </row>
    <row r="47" spans="1:9">
      <c r="A47" s="19"/>
      <c r="B47" s="323" t="s">
        <v>25</v>
      </c>
      <c r="C47" s="324"/>
      <c r="D47" s="294"/>
      <c r="E47" s="294"/>
      <c r="F47" s="294"/>
      <c r="G47" s="294"/>
      <c r="H47" s="294"/>
      <c r="I47" s="294"/>
    </row>
    <row r="48" spans="1:9">
      <c r="A48" s="19"/>
      <c r="B48" s="293"/>
      <c r="C48" s="294"/>
      <c r="D48" s="294"/>
      <c r="E48" s="294"/>
      <c r="F48" s="294"/>
      <c r="G48" s="294"/>
      <c r="H48" s="294"/>
      <c r="I48" s="294"/>
    </row>
    <row r="49" spans="1:9">
      <c r="A49" s="19">
        <v>3</v>
      </c>
      <c r="B49" s="305" t="s">
        <v>43</v>
      </c>
      <c r="C49" s="294"/>
      <c r="D49" s="294"/>
      <c r="E49" s="294"/>
      <c r="F49" s="294"/>
      <c r="G49" s="294"/>
      <c r="H49" s="294"/>
      <c r="I49" s="294"/>
    </row>
    <row r="50" spans="1:9">
      <c r="A50" s="19"/>
      <c r="B50" s="293" t="s">
        <v>86</v>
      </c>
      <c r="C50" s="294"/>
      <c r="D50" s="294"/>
      <c r="E50" s="294"/>
      <c r="F50" s="294"/>
      <c r="G50" s="294"/>
      <c r="H50" s="294"/>
      <c r="I50" s="294"/>
    </row>
    <row r="51" spans="1:9" ht="21">
      <c r="A51" s="26"/>
      <c r="B51" s="294"/>
      <c r="C51" s="294"/>
      <c r="D51" s="294"/>
      <c r="E51" s="294"/>
      <c r="F51" s="294"/>
      <c r="G51" s="294"/>
      <c r="H51" s="294"/>
      <c r="I51" s="294"/>
    </row>
    <row r="52" spans="1:9" s="15" customFormat="1" ht="18.75">
      <c r="A52" s="303" t="s">
        <v>48</v>
      </c>
      <c r="B52" s="29"/>
      <c r="C52" s="29"/>
      <c r="D52" s="24"/>
      <c r="E52" s="24"/>
      <c r="F52" s="24"/>
      <c r="G52" s="24"/>
      <c r="H52" s="24"/>
      <c r="I52" s="24"/>
    </row>
    <row r="53" spans="1:9" s="15" customFormat="1" ht="18.75">
      <c r="A53" s="29"/>
      <c r="B53" s="29"/>
      <c r="C53" s="29"/>
      <c r="D53" s="24"/>
      <c r="E53" s="24"/>
      <c r="F53" s="24"/>
      <c r="G53" s="24"/>
      <c r="H53" s="24"/>
      <c r="I53" s="24"/>
    </row>
    <row r="54" spans="1:9">
      <c r="A54" s="22">
        <v>4</v>
      </c>
      <c r="B54" s="304" t="s">
        <v>6</v>
      </c>
      <c r="C54" s="294"/>
      <c r="D54" s="294"/>
      <c r="E54" s="294"/>
      <c r="F54" s="294"/>
      <c r="G54" s="294"/>
      <c r="H54" s="294"/>
      <c r="I54" s="294"/>
    </row>
    <row r="55" spans="1:9">
      <c r="A55" s="19"/>
      <c r="B55" s="323" t="s">
        <v>23</v>
      </c>
      <c r="C55" s="324"/>
      <c r="D55" s="324"/>
      <c r="E55" s="294"/>
      <c r="F55" s="294"/>
      <c r="G55" s="294"/>
      <c r="H55" s="294"/>
      <c r="I55" s="294"/>
    </row>
    <row r="56" spans="1:9">
      <c r="A56" s="19"/>
      <c r="B56" s="323" t="s">
        <v>35</v>
      </c>
      <c r="C56" s="324"/>
      <c r="D56" s="324"/>
      <c r="E56" s="294"/>
      <c r="F56" s="294"/>
      <c r="G56" s="294"/>
      <c r="H56" s="294"/>
      <c r="I56" s="294"/>
    </row>
    <row r="57" spans="1:9" ht="21">
      <c r="A57" s="26"/>
      <c r="B57" s="294"/>
      <c r="C57" s="294"/>
      <c r="D57" s="294"/>
      <c r="E57" s="294"/>
      <c r="F57" s="294"/>
      <c r="G57" s="294"/>
      <c r="H57" s="294"/>
      <c r="I57" s="294"/>
    </row>
    <row r="58" spans="1:9">
      <c r="A58" s="22">
        <v>4</v>
      </c>
      <c r="B58" s="305" t="s">
        <v>374</v>
      </c>
      <c r="C58" s="294"/>
      <c r="D58" s="294"/>
      <c r="E58" s="294"/>
      <c r="F58" s="294"/>
      <c r="G58" s="294"/>
      <c r="H58" s="294"/>
      <c r="I58" s="294"/>
    </row>
    <row r="59" spans="1:9">
      <c r="A59" s="19"/>
      <c r="B59" s="323" t="s">
        <v>387</v>
      </c>
      <c r="C59" s="324"/>
      <c r="D59" s="294"/>
      <c r="E59" s="294"/>
      <c r="F59" s="294"/>
      <c r="G59" s="294"/>
      <c r="H59" s="294"/>
      <c r="I59" s="294"/>
    </row>
    <row r="60" spans="1:9">
      <c r="A60" s="19"/>
      <c r="B60" s="323" t="s">
        <v>388</v>
      </c>
      <c r="C60" s="324"/>
      <c r="D60" s="324"/>
      <c r="E60" s="324"/>
      <c r="F60" s="294"/>
      <c r="G60" s="294"/>
      <c r="H60" s="294"/>
      <c r="I60" s="294"/>
    </row>
    <row r="61" spans="1:9" ht="21">
      <c r="A61" s="26"/>
      <c r="B61" s="294"/>
      <c r="C61" s="294"/>
      <c r="D61" s="294"/>
      <c r="E61" s="294"/>
      <c r="F61" s="294"/>
      <c r="G61" s="294"/>
      <c r="H61" s="294"/>
      <c r="I61" s="294"/>
    </row>
    <row r="62" spans="1:9">
      <c r="A62" s="22">
        <v>4</v>
      </c>
      <c r="B62" s="305" t="s">
        <v>44</v>
      </c>
      <c r="C62" s="294"/>
      <c r="D62" s="294"/>
      <c r="E62" s="294"/>
      <c r="F62" s="294"/>
      <c r="G62" s="294"/>
      <c r="H62" s="294"/>
      <c r="I62" s="294"/>
    </row>
    <row r="63" spans="1:9">
      <c r="A63" s="19"/>
      <c r="B63" s="323" t="s">
        <v>87</v>
      </c>
      <c r="C63" s="324"/>
      <c r="D63" s="324"/>
      <c r="E63" s="324"/>
      <c r="F63" s="23"/>
      <c r="G63" s="294"/>
      <c r="H63" s="294"/>
      <c r="I63" s="294"/>
    </row>
    <row r="64" spans="1:9">
      <c r="A64" s="19"/>
      <c r="B64" s="323"/>
      <c r="C64" s="324"/>
      <c r="D64" s="324"/>
      <c r="E64" s="324"/>
      <c r="F64" s="294"/>
      <c r="G64" s="23"/>
      <c r="H64" s="294"/>
      <c r="I64" s="294"/>
    </row>
    <row r="65" spans="1:9">
      <c r="A65" s="19">
        <v>4</v>
      </c>
      <c r="B65" s="305" t="s">
        <v>45</v>
      </c>
      <c r="C65" s="294"/>
      <c r="D65" s="294"/>
      <c r="E65" s="294"/>
      <c r="F65" s="294"/>
      <c r="G65" s="23"/>
      <c r="H65" s="294"/>
      <c r="I65" s="294"/>
    </row>
    <row r="66" spans="1:9">
      <c r="A66" s="19"/>
      <c r="B66" s="293" t="s">
        <v>88</v>
      </c>
      <c r="C66" s="294"/>
      <c r="D66" s="294"/>
      <c r="E66" s="294"/>
      <c r="F66" s="294"/>
      <c r="G66" s="23"/>
      <c r="H66" s="294"/>
      <c r="I66" s="294"/>
    </row>
    <row r="67" spans="1:9">
      <c r="A67" s="19"/>
      <c r="B67" s="293"/>
      <c r="C67" s="294"/>
      <c r="D67" s="294"/>
      <c r="E67" s="294"/>
      <c r="F67" s="294"/>
      <c r="G67" s="23"/>
      <c r="H67" s="294"/>
      <c r="I67" s="294"/>
    </row>
    <row r="68" spans="1:9">
      <c r="A68" s="22">
        <v>4</v>
      </c>
      <c r="B68" s="305" t="s">
        <v>7</v>
      </c>
      <c r="C68" s="294"/>
      <c r="D68" s="294"/>
      <c r="E68" s="294"/>
      <c r="F68" s="294"/>
      <c r="G68" s="294"/>
      <c r="H68" s="294"/>
      <c r="I68" s="294"/>
    </row>
    <row r="69" spans="1:9">
      <c r="A69" s="19"/>
      <c r="B69" s="323" t="s">
        <v>26</v>
      </c>
      <c r="C69" s="324"/>
      <c r="D69" s="324"/>
      <c r="E69" s="294"/>
      <c r="F69" s="294"/>
      <c r="G69" s="294"/>
      <c r="H69" s="294"/>
      <c r="I69" s="294"/>
    </row>
    <row r="70" spans="1:9">
      <c r="A70" s="19"/>
      <c r="B70" s="323"/>
      <c r="C70" s="324"/>
      <c r="D70" s="324"/>
      <c r="E70" s="294"/>
      <c r="F70" s="294"/>
      <c r="G70" s="294"/>
      <c r="H70" s="294"/>
      <c r="I70" s="294"/>
    </row>
    <row r="71" spans="1:9">
      <c r="A71" s="19">
        <v>4</v>
      </c>
      <c r="B71" s="305" t="s">
        <v>46</v>
      </c>
      <c r="C71" s="294"/>
      <c r="D71" s="294"/>
      <c r="E71" s="294"/>
      <c r="F71" s="294"/>
      <c r="G71" s="294"/>
      <c r="H71" s="294"/>
      <c r="I71" s="294"/>
    </row>
    <row r="72" spans="1:9">
      <c r="A72" s="19"/>
      <c r="B72" s="293" t="s">
        <v>89</v>
      </c>
      <c r="C72" s="294"/>
      <c r="D72" s="294"/>
      <c r="E72" s="294"/>
      <c r="F72" s="294"/>
      <c r="G72" s="294"/>
      <c r="H72" s="294"/>
      <c r="I72" s="294"/>
    </row>
    <row r="73" spans="1:9">
      <c r="A73" s="19"/>
      <c r="B73" s="293"/>
      <c r="C73" s="294"/>
      <c r="D73" s="294"/>
      <c r="E73" s="294"/>
      <c r="F73" s="294"/>
      <c r="G73" s="294"/>
      <c r="H73" s="294"/>
      <c r="I73" s="294"/>
    </row>
    <row r="74" spans="1:9">
      <c r="A74" s="306" t="s">
        <v>90</v>
      </c>
      <c r="B74" s="293"/>
      <c r="C74" s="294"/>
      <c r="D74" s="294"/>
      <c r="E74" s="294"/>
      <c r="F74" s="294"/>
      <c r="G74" s="294"/>
      <c r="H74" s="294"/>
      <c r="I74" s="294"/>
    </row>
    <row r="75" spans="1:9">
      <c r="A75" s="19"/>
      <c r="B75" s="293"/>
      <c r="C75" s="294"/>
      <c r="D75" s="294"/>
      <c r="E75" s="294"/>
      <c r="F75" s="294"/>
      <c r="G75" s="294"/>
      <c r="H75" s="294"/>
      <c r="I75" s="294"/>
    </row>
    <row r="76" spans="1:9">
      <c r="A76" s="22">
        <v>5</v>
      </c>
      <c r="B76" s="305" t="s">
        <v>15</v>
      </c>
      <c r="C76" s="294"/>
      <c r="D76" s="294"/>
      <c r="E76" s="294"/>
      <c r="F76" s="294"/>
      <c r="G76" s="294"/>
      <c r="H76" s="294"/>
      <c r="I76" s="294"/>
    </row>
    <row r="77" spans="1:9">
      <c r="A77" s="19"/>
      <c r="B77" s="323" t="s">
        <v>27</v>
      </c>
      <c r="C77" s="324"/>
      <c r="D77" s="324"/>
      <c r="E77" s="294"/>
      <c r="F77" s="294"/>
      <c r="G77" s="294"/>
      <c r="H77" s="294"/>
      <c r="I77" s="294"/>
    </row>
    <row r="78" spans="1:9">
      <c r="A78" s="19"/>
      <c r="B78" s="293"/>
      <c r="C78" s="294"/>
      <c r="D78" s="294"/>
      <c r="E78" s="294"/>
      <c r="F78" s="294"/>
      <c r="G78" s="294"/>
      <c r="H78" s="294"/>
      <c r="I78" s="294"/>
    </row>
    <row r="79" spans="1:9">
      <c r="A79" s="19">
        <v>5</v>
      </c>
      <c r="B79" s="305" t="s">
        <v>50</v>
      </c>
      <c r="C79" s="294"/>
      <c r="D79" s="294"/>
      <c r="E79" s="294"/>
      <c r="F79" s="294"/>
      <c r="G79" s="294"/>
      <c r="H79" s="294"/>
      <c r="I79" s="294"/>
    </row>
    <row r="80" spans="1:9">
      <c r="A80" s="19"/>
      <c r="B80" s="293" t="s">
        <v>91</v>
      </c>
      <c r="C80" s="294"/>
      <c r="D80" s="294"/>
      <c r="E80" s="294"/>
      <c r="F80" s="294"/>
      <c r="G80" s="294"/>
      <c r="H80" s="294"/>
      <c r="I80" s="294"/>
    </row>
    <row r="81" spans="1:9">
      <c r="A81" s="19"/>
      <c r="B81" s="294"/>
      <c r="C81" s="294"/>
      <c r="D81" s="294"/>
      <c r="E81" s="294"/>
      <c r="F81" s="294"/>
      <c r="G81" s="294"/>
      <c r="H81" s="294"/>
      <c r="I81" s="294"/>
    </row>
    <row r="82" spans="1:9">
      <c r="A82" s="22">
        <v>5</v>
      </c>
      <c r="B82" s="305" t="s">
        <v>51</v>
      </c>
      <c r="C82" s="294"/>
      <c r="D82" s="294"/>
      <c r="E82" s="294"/>
      <c r="F82" s="294"/>
      <c r="G82" s="294"/>
      <c r="H82" s="294"/>
      <c r="I82" s="294"/>
    </row>
    <row r="83" spans="1:9">
      <c r="A83" s="19"/>
      <c r="B83" s="323" t="s">
        <v>92</v>
      </c>
      <c r="C83" s="324"/>
      <c r="D83" s="324"/>
      <c r="E83" s="294"/>
      <c r="F83" s="294"/>
      <c r="G83" s="294"/>
      <c r="H83" s="294"/>
      <c r="I83" s="294"/>
    </row>
    <row r="84" spans="1:9">
      <c r="A84" s="19"/>
      <c r="B84" s="323"/>
      <c r="C84" s="324"/>
      <c r="D84" s="324"/>
      <c r="E84" s="294"/>
      <c r="F84" s="294"/>
      <c r="G84" s="294"/>
      <c r="H84" s="294"/>
      <c r="I84" s="294"/>
    </row>
    <row r="85" spans="1:9">
      <c r="A85" s="19">
        <v>5</v>
      </c>
      <c r="B85" s="305" t="s">
        <v>52</v>
      </c>
      <c r="C85" s="294"/>
      <c r="D85" s="294"/>
      <c r="E85" s="294"/>
      <c r="F85" s="294"/>
      <c r="G85" s="294"/>
      <c r="H85" s="294"/>
      <c r="I85" s="294"/>
    </row>
    <row r="86" spans="1:9">
      <c r="A86" s="19"/>
      <c r="B86" s="293" t="s">
        <v>93</v>
      </c>
      <c r="C86" s="294"/>
      <c r="D86" s="294"/>
      <c r="E86" s="294"/>
      <c r="F86" s="294"/>
      <c r="G86" s="294"/>
      <c r="H86" s="294"/>
      <c r="I86" s="294"/>
    </row>
    <row r="87" spans="1:9">
      <c r="A87" s="19"/>
      <c r="B87" s="293"/>
      <c r="C87" s="294"/>
      <c r="D87" s="294"/>
      <c r="E87" s="294"/>
      <c r="F87" s="294"/>
      <c r="G87" s="294"/>
      <c r="H87" s="294"/>
      <c r="I87" s="294"/>
    </row>
    <row r="88" spans="1:9">
      <c r="A88" s="306" t="s">
        <v>53</v>
      </c>
      <c r="B88" s="293"/>
      <c r="C88" s="294"/>
      <c r="D88" s="294"/>
      <c r="E88" s="294"/>
      <c r="F88" s="294"/>
      <c r="G88" s="294"/>
      <c r="H88" s="294"/>
      <c r="I88" s="294"/>
    </row>
    <row r="89" spans="1:9">
      <c r="A89" s="19"/>
      <c r="B89" s="293"/>
      <c r="C89" s="294"/>
      <c r="D89" s="294"/>
      <c r="E89" s="294"/>
      <c r="F89" s="294"/>
      <c r="G89" s="294"/>
      <c r="H89" s="294"/>
      <c r="I89" s="294"/>
    </row>
    <row r="90" spans="1:9">
      <c r="A90" s="22">
        <v>6</v>
      </c>
      <c r="B90" s="305" t="s">
        <v>16</v>
      </c>
      <c r="C90" s="294"/>
      <c r="D90" s="294"/>
      <c r="E90" s="294"/>
      <c r="F90" s="294"/>
      <c r="G90" s="294"/>
      <c r="H90" s="294"/>
      <c r="I90" s="294"/>
    </row>
    <row r="91" spans="1:9">
      <c r="A91" s="19"/>
      <c r="B91" s="323" t="s">
        <v>28</v>
      </c>
      <c r="C91" s="324"/>
      <c r="D91" s="324"/>
      <c r="E91" s="294"/>
      <c r="F91" s="294"/>
      <c r="G91" s="294"/>
      <c r="H91" s="294"/>
      <c r="I91" s="294"/>
    </row>
    <row r="92" spans="1:9">
      <c r="A92" s="19"/>
      <c r="B92" s="323"/>
      <c r="C92" s="324"/>
      <c r="D92" s="324"/>
      <c r="E92" s="294"/>
      <c r="F92" s="294"/>
      <c r="G92" s="294"/>
      <c r="H92" s="294"/>
      <c r="I92" s="294"/>
    </row>
    <row r="93" spans="1:9">
      <c r="A93" s="19">
        <v>6</v>
      </c>
      <c r="B93" s="305" t="s">
        <v>54</v>
      </c>
      <c r="C93" s="294"/>
      <c r="D93" s="294"/>
      <c r="E93" s="294"/>
      <c r="F93" s="294"/>
      <c r="G93" s="294"/>
      <c r="H93" s="294"/>
      <c r="I93" s="294"/>
    </row>
    <row r="94" spans="1:9">
      <c r="A94" s="19"/>
      <c r="B94" s="293" t="s">
        <v>94</v>
      </c>
      <c r="C94" s="294"/>
      <c r="D94" s="294"/>
      <c r="E94" s="294"/>
      <c r="F94" s="294"/>
      <c r="G94" s="294"/>
      <c r="H94" s="294"/>
      <c r="I94" s="294"/>
    </row>
    <row r="95" spans="1:9">
      <c r="A95" s="19"/>
      <c r="B95" s="294"/>
      <c r="C95" s="294"/>
      <c r="D95" s="294"/>
      <c r="E95" s="294"/>
      <c r="F95" s="294"/>
      <c r="G95" s="294"/>
      <c r="H95" s="294"/>
      <c r="I95" s="294"/>
    </row>
    <row r="96" spans="1:9">
      <c r="A96" s="22">
        <v>6</v>
      </c>
      <c r="B96" s="305" t="s">
        <v>95</v>
      </c>
      <c r="C96" s="294"/>
      <c r="D96" s="294"/>
      <c r="E96" s="294"/>
      <c r="F96" s="294"/>
      <c r="G96" s="294"/>
      <c r="H96" s="294"/>
      <c r="I96" s="294"/>
    </row>
    <row r="97" spans="1:9">
      <c r="A97" s="19"/>
      <c r="B97" s="323" t="s">
        <v>29</v>
      </c>
      <c r="C97" s="324"/>
      <c r="D97" s="324"/>
      <c r="E97" s="294"/>
      <c r="F97" s="294"/>
      <c r="G97" s="294"/>
      <c r="H97" s="294"/>
      <c r="I97" s="294"/>
    </row>
    <row r="98" spans="1:9">
      <c r="A98" s="19"/>
      <c r="B98" s="323"/>
      <c r="C98" s="324"/>
      <c r="D98" s="324"/>
      <c r="E98" s="294"/>
      <c r="F98" s="294"/>
      <c r="G98" s="294"/>
      <c r="H98" s="294"/>
      <c r="I98" s="294"/>
    </row>
    <row r="99" spans="1:9">
      <c r="A99" s="19">
        <v>6</v>
      </c>
      <c r="B99" s="305" t="s">
        <v>56</v>
      </c>
      <c r="C99" s="294"/>
      <c r="D99" s="294"/>
      <c r="E99" s="294"/>
      <c r="F99" s="294"/>
      <c r="G99" s="294"/>
      <c r="H99" s="294"/>
      <c r="I99" s="294"/>
    </row>
    <row r="100" spans="1:9">
      <c r="A100" s="19"/>
      <c r="B100" s="293" t="s">
        <v>96</v>
      </c>
      <c r="C100" s="294"/>
      <c r="D100" s="294"/>
      <c r="E100" s="294"/>
      <c r="F100" s="294"/>
      <c r="G100" s="294"/>
      <c r="H100" s="294"/>
      <c r="I100" s="294"/>
    </row>
    <row r="101" spans="1:9">
      <c r="A101" s="19"/>
      <c r="B101" s="293"/>
      <c r="C101" s="294"/>
      <c r="D101" s="294"/>
      <c r="E101" s="294"/>
      <c r="F101" s="294"/>
      <c r="G101" s="294"/>
      <c r="H101" s="294"/>
      <c r="I101" s="294"/>
    </row>
    <row r="102" spans="1:9">
      <c r="A102" s="19">
        <v>6</v>
      </c>
      <c r="B102" s="304" t="s">
        <v>34</v>
      </c>
      <c r="C102" s="294"/>
      <c r="D102" s="294"/>
      <c r="E102" s="294"/>
      <c r="F102" s="294"/>
      <c r="G102" s="294"/>
      <c r="H102" s="294"/>
      <c r="I102" s="294"/>
    </row>
    <row r="103" spans="1:9">
      <c r="A103" s="22"/>
      <c r="B103" s="294" t="s">
        <v>97</v>
      </c>
      <c r="C103" s="294"/>
      <c r="D103" s="294"/>
      <c r="E103" s="294"/>
      <c r="F103" s="294"/>
      <c r="G103" s="294"/>
      <c r="H103" s="294"/>
      <c r="I103" s="294"/>
    </row>
    <row r="104" spans="1:9">
      <c r="A104" s="19"/>
      <c r="B104" s="323"/>
      <c r="C104" s="324"/>
      <c r="D104" s="324"/>
      <c r="E104" s="294"/>
      <c r="F104" s="294"/>
      <c r="G104" s="294"/>
      <c r="H104" s="294"/>
      <c r="I104" s="294"/>
    </row>
    <row r="105" spans="1:9">
      <c r="A105" s="19">
        <v>6</v>
      </c>
      <c r="B105" s="305" t="s">
        <v>17</v>
      </c>
      <c r="C105" s="294"/>
      <c r="D105" s="294"/>
      <c r="E105" s="294"/>
      <c r="F105" s="294"/>
      <c r="G105" s="294"/>
      <c r="H105" s="294"/>
      <c r="I105" s="294"/>
    </row>
    <row r="106" spans="1:9">
      <c r="A106" s="28"/>
      <c r="B106" s="323" t="s">
        <v>18</v>
      </c>
      <c r="C106" s="324"/>
      <c r="D106" s="324"/>
      <c r="E106" s="294"/>
      <c r="F106" s="294"/>
      <c r="G106" s="294"/>
      <c r="H106" s="294"/>
      <c r="I106" s="294"/>
    </row>
    <row r="107" spans="1:9">
      <c r="A107" s="28"/>
      <c r="B107" s="293"/>
      <c r="C107" s="294"/>
      <c r="D107" s="294"/>
      <c r="E107" s="294"/>
      <c r="F107" s="294"/>
      <c r="G107" s="294"/>
      <c r="H107" s="294"/>
      <c r="I107" s="294"/>
    </row>
    <row r="108" spans="1:9">
      <c r="A108" s="19">
        <v>6</v>
      </c>
      <c r="B108" s="305" t="s">
        <v>57</v>
      </c>
      <c r="C108" s="294"/>
      <c r="D108" s="294"/>
      <c r="E108" s="294"/>
      <c r="F108" s="294"/>
      <c r="G108" s="294"/>
      <c r="H108" s="294"/>
      <c r="I108" s="294"/>
    </row>
    <row r="109" spans="1:9">
      <c r="A109" s="28"/>
      <c r="B109" s="293" t="s">
        <v>98</v>
      </c>
      <c r="C109" s="294"/>
      <c r="D109" s="294"/>
      <c r="E109" s="294"/>
      <c r="F109" s="294"/>
      <c r="G109" s="294"/>
      <c r="H109" s="294"/>
      <c r="I109" s="294"/>
    </row>
    <row r="110" spans="1:9">
      <c r="A110" s="28"/>
      <c r="B110" s="293"/>
      <c r="C110" s="294"/>
      <c r="D110" s="294"/>
      <c r="E110" s="294"/>
      <c r="F110" s="294"/>
      <c r="G110" s="294"/>
      <c r="H110" s="294"/>
      <c r="I110" s="294"/>
    </row>
    <row r="111" spans="1:9">
      <c r="A111" s="306" t="s">
        <v>59</v>
      </c>
      <c r="B111" s="31"/>
      <c r="C111" s="32"/>
      <c r="D111" s="32"/>
      <c r="E111" s="294"/>
      <c r="F111" s="294"/>
      <c r="G111" s="294"/>
      <c r="H111" s="294"/>
      <c r="I111" s="294"/>
    </row>
    <row r="112" spans="1:9">
      <c r="A112" s="28"/>
      <c r="B112" s="27"/>
      <c r="C112" s="294"/>
      <c r="D112" s="294"/>
      <c r="E112" s="294"/>
      <c r="F112" s="294"/>
      <c r="G112" s="294"/>
      <c r="H112" s="294"/>
      <c r="I112" s="294"/>
    </row>
    <row r="113" spans="1:9">
      <c r="A113" s="22">
        <v>7</v>
      </c>
      <c r="B113" s="305" t="s">
        <v>58</v>
      </c>
      <c r="C113" s="294"/>
      <c r="D113" s="294"/>
      <c r="E113" s="294"/>
      <c r="F113" s="294"/>
      <c r="G113" s="294"/>
      <c r="H113" s="294"/>
      <c r="I113" s="294"/>
    </row>
    <row r="114" spans="1:9">
      <c r="A114" s="28"/>
      <c r="B114" s="323" t="s">
        <v>99</v>
      </c>
      <c r="C114" s="324"/>
      <c r="D114" s="324"/>
      <c r="E114" s="294"/>
      <c r="F114" s="294"/>
      <c r="G114" s="294"/>
      <c r="H114" s="294"/>
      <c r="I114" s="294"/>
    </row>
    <row r="115" spans="1:9">
      <c r="A115" s="28"/>
      <c r="B115" s="323"/>
      <c r="C115" s="324"/>
      <c r="D115" s="324"/>
      <c r="E115" s="294"/>
      <c r="F115" s="294"/>
      <c r="G115" s="294"/>
      <c r="H115" s="294"/>
      <c r="I115" s="294"/>
    </row>
    <row r="116" spans="1:9">
      <c r="A116" s="22">
        <v>7</v>
      </c>
      <c r="B116" s="305" t="s">
        <v>60</v>
      </c>
      <c r="C116" s="294"/>
      <c r="D116" s="294"/>
      <c r="E116" s="294"/>
      <c r="F116" s="294"/>
      <c r="G116" s="294"/>
      <c r="H116" s="294"/>
      <c r="I116" s="294"/>
    </row>
    <row r="117" spans="1:9">
      <c r="A117" s="28"/>
      <c r="B117" s="293" t="s">
        <v>100</v>
      </c>
      <c r="C117" s="294"/>
      <c r="D117" s="294"/>
      <c r="E117" s="294"/>
      <c r="F117" s="294"/>
      <c r="G117" s="294"/>
      <c r="H117" s="294"/>
      <c r="I117" s="294"/>
    </row>
    <row r="118" spans="1:9">
      <c r="A118" s="28"/>
      <c r="B118" s="293"/>
      <c r="C118" s="294"/>
      <c r="D118" s="294"/>
      <c r="E118" s="294"/>
      <c r="F118" s="294"/>
      <c r="G118" s="294"/>
      <c r="H118" s="294"/>
      <c r="I118" s="294"/>
    </row>
    <row r="119" spans="1:9">
      <c r="A119" s="22">
        <v>7</v>
      </c>
      <c r="B119" s="305" t="s">
        <v>61</v>
      </c>
      <c r="C119" s="294"/>
      <c r="D119" s="294"/>
      <c r="E119" s="294"/>
      <c r="F119" s="294"/>
      <c r="G119" s="294"/>
      <c r="H119" s="294"/>
      <c r="I119" s="294"/>
    </row>
    <row r="120" spans="1:9">
      <c r="A120" s="28"/>
      <c r="B120" s="293" t="s">
        <v>101</v>
      </c>
      <c r="C120" s="294"/>
      <c r="D120" s="294"/>
      <c r="E120" s="294"/>
      <c r="F120" s="294"/>
      <c r="G120" s="294"/>
      <c r="H120" s="294"/>
      <c r="I120" s="294"/>
    </row>
    <row r="121" spans="1:9">
      <c r="A121" s="28"/>
      <c r="B121" s="293"/>
      <c r="C121" s="294"/>
      <c r="D121" s="294"/>
      <c r="E121" s="294"/>
      <c r="F121" s="294"/>
      <c r="G121" s="294"/>
      <c r="H121" s="294"/>
      <c r="I121" s="294"/>
    </row>
    <row r="122" spans="1:9">
      <c r="A122" s="22">
        <v>7</v>
      </c>
      <c r="B122" s="305" t="s">
        <v>62</v>
      </c>
      <c r="C122" s="294"/>
      <c r="D122" s="294"/>
      <c r="E122" s="294"/>
      <c r="F122" s="294"/>
      <c r="G122" s="294"/>
      <c r="H122" s="294"/>
      <c r="I122" s="294"/>
    </row>
    <row r="123" spans="1:9">
      <c r="A123" s="28"/>
      <c r="B123" s="293" t="s">
        <v>102</v>
      </c>
      <c r="C123" s="294"/>
      <c r="D123" s="294"/>
      <c r="E123" s="294"/>
      <c r="F123" s="294"/>
      <c r="G123" s="294"/>
      <c r="H123" s="294"/>
      <c r="I123" s="294"/>
    </row>
    <row r="124" spans="1:9">
      <c r="A124" s="28"/>
      <c r="B124" s="293"/>
      <c r="C124" s="294"/>
      <c r="D124" s="294"/>
      <c r="E124" s="294"/>
      <c r="F124" s="294"/>
      <c r="G124" s="294"/>
      <c r="H124" s="294"/>
      <c r="I124" s="294"/>
    </row>
    <row r="125" spans="1:9">
      <c r="A125" s="22">
        <v>7</v>
      </c>
      <c r="B125" s="305" t="s">
        <v>63</v>
      </c>
      <c r="C125" s="294"/>
      <c r="D125" s="294"/>
      <c r="E125" s="294"/>
      <c r="F125" s="294"/>
      <c r="G125" s="294"/>
      <c r="H125" s="294"/>
      <c r="I125" s="294"/>
    </row>
    <row r="126" spans="1:9">
      <c r="A126" s="28"/>
      <c r="B126" s="293" t="s">
        <v>103</v>
      </c>
      <c r="C126" s="294"/>
      <c r="D126" s="294"/>
      <c r="E126" s="294"/>
      <c r="F126" s="294"/>
      <c r="G126" s="294"/>
      <c r="H126" s="294"/>
      <c r="I126" s="294"/>
    </row>
    <row r="127" spans="1:9">
      <c r="A127" s="22"/>
      <c r="B127" s="293"/>
      <c r="C127" s="294"/>
      <c r="D127" s="294"/>
      <c r="E127" s="294"/>
      <c r="F127" s="294"/>
      <c r="G127" s="294"/>
      <c r="H127" s="294"/>
      <c r="I127" s="294"/>
    </row>
    <row r="128" spans="1:9">
      <c r="A128" s="22">
        <v>7</v>
      </c>
      <c r="B128" s="305" t="s">
        <v>64</v>
      </c>
      <c r="C128" s="294"/>
      <c r="D128" s="294"/>
      <c r="E128" s="294"/>
      <c r="F128" s="294"/>
      <c r="G128" s="294"/>
      <c r="H128" s="294"/>
      <c r="I128" s="294"/>
    </row>
    <row r="129" spans="1:9">
      <c r="A129" s="22"/>
      <c r="B129" s="293" t="s">
        <v>104</v>
      </c>
      <c r="C129" s="294"/>
      <c r="D129" s="294"/>
      <c r="E129" s="294"/>
      <c r="F129" s="294"/>
      <c r="G129" s="294"/>
      <c r="H129" s="294"/>
      <c r="I129" s="294"/>
    </row>
    <row r="130" spans="1:9">
      <c r="A130" s="22"/>
      <c r="B130" s="293"/>
      <c r="C130" s="294"/>
      <c r="D130" s="294"/>
      <c r="E130" s="294"/>
      <c r="F130" s="294"/>
      <c r="G130" s="294"/>
      <c r="H130" s="294"/>
      <c r="I130" s="294"/>
    </row>
    <row r="131" spans="1:9">
      <c r="A131" s="22">
        <v>7</v>
      </c>
      <c r="B131" s="305" t="s">
        <v>65</v>
      </c>
      <c r="C131" s="294"/>
      <c r="D131" s="294"/>
      <c r="E131" s="294"/>
      <c r="F131" s="294"/>
      <c r="G131" s="294"/>
      <c r="H131" s="294"/>
      <c r="I131" s="294"/>
    </row>
    <row r="132" spans="1:9">
      <c r="A132" s="22"/>
      <c r="B132" s="293" t="s">
        <v>105</v>
      </c>
      <c r="C132" s="294"/>
      <c r="D132" s="294"/>
      <c r="E132" s="294"/>
      <c r="F132" s="294"/>
      <c r="G132" s="294"/>
      <c r="H132" s="294"/>
      <c r="I132" s="294"/>
    </row>
    <row r="133" spans="1:9">
      <c r="A133" s="28"/>
      <c r="B133" s="293"/>
      <c r="C133" s="294"/>
      <c r="D133" s="294"/>
      <c r="E133" s="294"/>
      <c r="F133" s="294"/>
      <c r="G133" s="294"/>
      <c r="H133" s="294"/>
      <c r="I133" s="294"/>
    </row>
    <row r="134" spans="1:9">
      <c r="A134" s="22">
        <v>7</v>
      </c>
      <c r="B134" s="305" t="s">
        <v>66</v>
      </c>
      <c r="C134" s="294"/>
      <c r="D134" s="294"/>
      <c r="E134" s="294"/>
      <c r="F134" s="294"/>
      <c r="G134" s="294"/>
      <c r="H134" s="294"/>
      <c r="I134" s="294"/>
    </row>
    <row r="135" spans="1:9">
      <c r="A135" s="28"/>
      <c r="B135" s="293" t="s">
        <v>106</v>
      </c>
      <c r="C135" s="294"/>
      <c r="D135" s="294"/>
      <c r="E135" s="294"/>
      <c r="F135" s="294"/>
      <c r="G135" s="294"/>
      <c r="H135" s="294"/>
      <c r="I135" s="294"/>
    </row>
    <row r="136" spans="1:9">
      <c r="A136" s="28"/>
      <c r="B136" s="293"/>
      <c r="C136" s="294"/>
      <c r="D136" s="294"/>
      <c r="E136" s="294"/>
      <c r="F136" s="294"/>
      <c r="G136" s="294"/>
      <c r="H136" s="294"/>
      <c r="I136" s="294"/>
    </row>
    <row r="137" spans="1:9">
      <c r="A137" s="22">
        <v>7</v>
      </c>
      <c r="B137" s="305" t="s">
        <v>19</v>
      </c>
      <c r="C137" s="294"/>
      <c r="D137" s="294"/>
      <c r="E137" s="294"/>
      <c r="F137" s="294"/>
      <c r="G137" s="294"/>
      <c r="H137" s="294"/>
      <c r="I137" s="294"/>
    </row>
    <row r="138" spans="1:9">
      <c r="A138" s="28"/>
      <c r="B138" s="323" t="s">
        <v>30</v>
      </c>
      <c r="C138" s="324"/>
      <c r="D138" s="324"/>
      <c r="E138" s="294"/>
      <c r="F138" s="294"/>
      <c r="G138" s="294"/>
      <c r="H138" s="294"/>
      <c r="I138" s="294"/>
    </row>
    <row r="139" spans="1:9">
      <c r="A139" s="22"/>
      <c r="B139" s="293"/>
      <c r="C139" s="294"/>
      <c r="D139" s="294"/>
      <c r="E139" s="294"/>
      <c r="F139" s="294"/>
      <c r="G139" s="294"/>
      <c r="H139" s="294"/>
      <c r="I139" s="294"/>
    </row>
    <row r="140" spans="1:9">
      <c r="A140" s="22">
        <v>7</v>
      </c>
      <c r="B140" s="305" t="s">
        <v>107</v>
      </c>
      <c r="C140" s="294"/>
      <c r="D140" s="294"/>
      <c r="E140" s="294"/>
      <c r="F140" s="294"/>
      <c r="G140" s="294"/>
      <c r="H140" s="294"/>
      <c r="I140" s="294"/>
    </row>
    <row r="141" spans="1:9">
      <c r="A141" s="28"/>
      <c r="B141" s="293" t="s">
        <v>108</v>
      </c>
      <c r="C141" s="294"/>
      <c r="D141" s="294"/>
      <c r="E141" s="294"/>
      <c r="F141" s="294"/>
      <c r="G141" s="294"/>
      <c r="H141" s="294"/>
      <c r="I141" s="294"/>
    </row>
    <row r="142" spans="1:9">
      <c r="A142" s="28"/>
      <c r="B142" s="293"/>
      <c r="C142" s="294"/>
      <c r="D142" s="294"/>
      <c r="E142" s="294"/>
      <c r="F142" s="294"/>
      <c r="G142" s="294"/>
      <c r="H142" s="294"/>
      <c r="I142" s="294"/>
    </row>
    <row r="143" spans="1:9">
      <c r="A143" s="22">
        <v>7</v>
      </c>
      <c r="B143" s="303" t="s">
        <v>69</v>
      </c>
      <c r="C143" s="22"/>
      <c r="D143" s="22"/>
      <c r="E143" s="294"/>
      <c r="F143" s="294"/>
      <c r="G143" s="294"/>
      <c r="H143" s="294"/>
      <c r="I143" s="294"/>
    </row>
    <row r="144" spans="1:9">
      <c r="A144" s="22"/>
      <c r="B144" s="22" t="s">
        <v>31</v>
      </c>
      <c r="C144" s="22"/>
      <c r="D144" s="22"/>
      <c r="E144" s="294"/>
      <c r="F144" s="294"/>
      <c r="G144" s="294"/>
      <c r="H144" s="294"/>
      <c r="I144" s="294"/>
    </row>
    <row r="145" spans="1:9">
      <c r="A145" s="22"/>
      <c r="B145" s="22"/>
      <c r="C145" s="22"/>
      <c r="D145" s="22"/>
      <c r="E145" s="294"/>
      <c r="F145" s="294"/>
      <c r="G145" s="294"/>
      <c r="H145" s="294"/>
      <c r="I145" s="294"/>
    </row>
    <row r="146" spans="1:9">
      <c r="A146" s="22">
        <v>7</v>
      </c>
      <c r="B146" s="303" t="s">
        <v>70</v>
      </c>
      <c r="C146" s="22"/>
      <c r="D146" s="22"/>
      <c r="E146" s="294"/>
      <c r="F146" s="294"/>
      <c r="G146" s="294"/>
      <c r="H146" s="294"/>
      <c r="I146" s="294"/>
    </row>
    <row r="147" spans="1:9">
      <c r="A147" s="22"/>
      <c r="B147" s="22" t="s">
        <v>109</v>
      </c>
      <c r="C147" s="22"/>
      <c r="D147" s="22"/>
      <c r="E147" s="294"/>
      <c r="F147" s="294"/>
      <c r="G147" s="294"/>
      <c r="H147" s="294"/>
      <c r="I147" s="294"/>
    </row>
    <row r="148" spans="1:9">
      <c r="A148" s="28"/>
      <c r="B148" s="293"/>
      <c r="C148" s="294"/>
      <c r="D148" s="294"/>
      <c r="E148" s="294"/>
      <c r="F148" s="294"/>
      <c r="G148" s="294"/>
      <c r="H148" s="294"/>
      <c r="I148" s="294"/>
    </row>
    <row r="149" spans="1:9">
      <c r="A149" s="22">
        <v>7</v>
      </c>
      <c r="B149" s="303" t="s">
        <v>20</v>
      </c>
      <c r="C149" s="294"/>
      <c r="D149" s="294"/>
      <c r="E149" s="294"/>
      <c r="F149" s="294"/>
      <c r="G149" s="294"/>
      <c r="H149" s="294"/>
      <c r="I149" s="294"/>
    </row>
    <row r="150" spans="1:9">
      <c r="A150" s="28"/>
      <c r="B150" s="323" t="s">
        <v>32</v>
      </c>
      <c r="C150" s="324"/>
      <c r="D150" s="324"/>
      <c r="E150" s="294"/>
      <c r="F150" s="294"/>
      <c r="G150" s="294"/>
      <c r="H150" s="294"/>
      <c r="I150" s="294"/>
    </row>
    <row r="151" spans="1:9">
      <c r="A151" s="28"/>
      <c r="B151" s="293"/>
      <c r="C151" s="294"/>
      <c r="D151" s="294"/>
      <c r="E151" s="294"/>
      <c r="F151" s="294"/>
      <c r="G151" s="294"/>
      <c r="H151" s="294"/>
      <c r="I151" s="294"/>
    </row>
    <row r="152" spans="1:9">
      <c r="A152" s="22">
        <v>7</v>
      </c>
      <c r="B152" s="305" t="s">
        <v>71</v>
      </c>
      <c r="C152" s="294"/>
      <c r="D152" s="294"/>
      <c r="E152" s="294"/>
      <c r="F152" s="294"/>
      <c r="G152" s="294"/>
      <c r="H152" s="294"/>
      <c r="I152" s="294"/>
    </row>
    <row r="153" spans="1:9">
      <c r="A153" s="28"/>
      <c r="B153" s="22" t="s">
        <v>110</v>
      </c>
      <c r="C153" s="294"/>
      <c r="D153" s="294"/>
      <c r="E153" s="294"/>
      <c r="F153" s="294"/>
      <c r="G153" s="294"/>
      <c r="H153" s="294"/>
      <c r="I153" s="294"/>
    </row>
    <row r="154" spans="1:9">
      <c r="A154" s="28"/>
      <c r="B154" s="293"/>
      <c r="C154" s="294"/>
      <c r="D154" s="294"/>
      <c r="E154" s="294"/>
      <c r="F154" s="294"/>
      <c r="G154" s="294"/>
      <c r="H154" s="294"/>
      <c r="I154" s="294"/>
    </row>
    <row r="155" spans="1:9">
      <c r="A155" s="306" t="s">
        <v>72</v>
      </c>
      <c r="B155" s="31"/>
      <c r="C155" s="31"/>
      <c r="D155" s="31"/>
      <c r="E155" s="294"/>
      <c r="F155" s="294"/>
      <c r="G155" s="294"/>
      <c r="H155" s="294"/>
      <c r="I155" s="294"/>
    </row>
    <row r="156" spans="1:9">
      <c r="A156" s="28"/>
      <c r="B156" s="27"/>
      <c r="C156" s="294"/>
      <c r="D156" s="294"/>
      <c r="E156" s="294"/>
      <c r="F156" s="294"/>
      <c r="G156" s="294"/>
      <c r="H156" s="294"/>
      <c r="I156" s="294"/>
    </row>
    <row r="157" spans="1:9">
      <c r="A157" s="22">
        <v>8</v>
      </c>
      <c r="B157" s="305" t="s">
        <v>21</v>
      </c>
      <c r="C157" s="294"/>
      <c r="D157" s="294"/>
      <c r="E157" s="294"/>
      <c r="F157" s="294"/>
      <c r="G157" s="294"/>
      <c r="H157" s="294"/>
      <c r="I157" s="294"/>
    </row>
    <row r="158" spans="1:9">
      <c r="A158" s="28"/>
      <c r="B158" s="323" t="s">
        <v>33</v>
      </c>
      <c r="C158" s="324"/>
      <c r="D158" s="324"/>
      <c r="E158" s="294"/>
      <c r="F158" s="294"/>
      <c r="G158" s="294"/>
      <c r="H158" s="294"/>
      <c r="I158" s="294"/>
    </row>
    <row r="159" spans="1:9">
      <c r="A159" s="28"/>
      <c r="B159" s="323"/>
      <c r="C159" s="324"/>
      <c r="D159" s="324"/>
      <c r="E159" s="294"/>
      <c r="F159" s="294"/>
      <c r="G159" s="294"/>
      <c r="H159" s="294"/>
      <c r="I159" s="294"/>
    </row>
    <row r="160" spans="1:9">
      <c r="A160" s="19">
        <v>8</v>
      </c>
      <c r="B160" s="304" t="s">
        <v>73</v>
      </c>
      <c r="C160" s="294"/>
      <c r="D160" s="294"/>
      <c r="E160" s="294"/>
      <c r="F160" s="294"/>
      <c r="G160" s="294"/>
      <c r="H160" s="294"/>
      <c r="I160" s="294"/>
    </row>
    <row r="161" spans="1:9">
      <c r="A161" s="19"/>
      <c r="B161" s="22" t="s">
        <v>299</v>
      </c>
      <c r="C161" s="294"/>
      <c r="D161" s="294"/>
      <c r="E161" s="294"/>
      <c r="F161" s="294"/>
      <c r="G161" s="294"/>
      <c r="H161" s="294"/>
      <c r="I161" s="294"/>
    </row>
    <row r="162" spans="1:9">
      <c r="A162" s="19"/>
      <c r="B162" s="294"/>
      <c r="C162" s="294"/>
      <c r="D162" s="294"/>
      <c r="E162" s="294"/>
      <c r="F162" s="294"/>
      <c r="G162" s="294"/>
      <c r="H162" s="294"/>
      <c r="I162" s="294"/>
    </row>
    <row r="163" spans="1:9">
      <c r="A163" s="19"/>
      <c r="B163" s="294"/>
      <c r="C163" s="294"/>
      <c r="D163" s="294"/>
      <c r="E163" s="294"/>
      <c r="F163" s="294"/>
      <c r="G163" s="294"/>
      <c r="H163" s="294"/>
      <c r="I163" s="294"/>
    </row>
  </sheetData>
  <mergeCells count="31">
    <mergeCell ref="B104:D104"/>
    <mergeCell ref="B69:D69"/>
    <mergeCell ref="B84:D84"/>
    <mergeCell ref="B70:D70"/>
    <mergeCell ref="B63:E63"/>
    <mergeCell ref="B92:D92"/>
    <mergeCell ref="B83:D83"/>
    <mergeCell ref="B91:D91"/>
    <mergeCell ref="B64:E64"/>
    <mergeCell ref="B59:C59"/>
    <mergeCell ref="B97:D97"/>
    <mergeCell ref="B98:D98"/>
    <mergeCell ref="B77:D77"/>
    <mergeCell ref="B60:E60"/>
    <mergeCell ref="A1:D1"/>
    <mergeCell ref="B22:G22"/>
    <mergeCell ref="B8:F8"/>
    <mergeCell ref="B55:D55"/>
    <mergeCell ref="B56:D56"/>
    <mergeCell ref="B38:E38"/>
    <mergeCell ref="B11:D11"/>
    <mergeCell ref="B25:G25"/>
    <mergeCell ref="A33:C33"/>
    <mergeCell ref="B47:C47"/>
    <mergeCell ref="B159:D159"/>
    <mergeCell ref="B115:D115"/>
    <mergeCell ref="B106:D106"/>
    <mergeCell ref="B114:D114"/>
    <mergeCell ref="B150:D150"/>
    <mergeCell ref="B158:D158"/>
    <mergeCell ref="B138:D138"/>
  </mergeCells>
  <hyperlinks>
    <hyperlink ref="A37:B37" location="'02'!A29" display="'02'!A29"/>
    <hyperlink ref="A46:B46" location="'02'!A42" display="'02'!A42"/>
    <hyperlink ref="A62:B62" location="'02'!A55" display="'02'!A55"/>
    <hyperlink ref="A68:B68" location="'02'!A68" display="'02'!A68"/>
    <hyperlink ref="B21" location="'2 CommunityWellbeing'!A3" display="Community Wellbeing Index"/>
    <hyperlink ref="B7" location="'1 IndividualWellbeing'!A3" display="Global Life Satisfaction"/>
    <hyperlink ref="B54" location="'4 HumanCapital'!A3" display="General health"/>
    <hyperlink ref="B58" location="'4 HumanCapital'!A22" display="K10 psychological distress"/>
    <hyperlink ref="B37" location="'3 FinancialCapital'!A3" display="Household financial wellbeing"/>
    <hyperlink ref="B46" location="'3 FinancialCapital'!A60" display="Community economic wellbeing"/>
    <hyperlink ref="B62" location="'4 HumanCapital'!A41" display="Self-efficacy"/>
    <hyperlink ref="B68" location="'4 HumanCapital'!A79" display="Community leadership and collaboration"/>
    <hyperlink ref="A76:B76" location="'02'!A68" display="'02'!A68"/>
    <hyperlink ref="B76" location="'5 InstitutionalCapital'!A3" display="Having a say and being heard"/>
    <hyperlink ref="A82:B82" location="'02'!A68" display="'02'!A68"/>
    <hyperlink ref="B82" location="'5 InstitutionalCapital'!A41" display="Equity and inclusion"/>
    <hyperlink ref="A90:B90" location="'02'!A68" display="'02'!A68"/>
    <hyperlink ref="B90" location="'6 SocialCapital'!A3" display="Spending time with friends and family"/>
    <hyperlink ref="A96:B96" location="'02'!A68" display="'02'!A68"/>
    <hyperlink ref="B96" location="'6 SocialCapital'!A41" display="Getting involved "/>
    <hyperlink ref="B105" location="'6 SocialCapital'!A98" display="Sense of belonging"/>
    <hyperlink ref="A113:B113" location="'02'!A68" display="'02'!A68"/>
    <hyperlink ref="B113" location="'7 PhysicalCapital'!A3" display="Access to health, education, aged care and child care "/>
    <hyperlink ref="B137" location="'7 PhysicalCapital'!A155" display="Access to telecommunications"/>
    <hyperlink ref="B143" location="'7 PhysicalCapital'!A193" display="Crime and safety in the local community"/>
    <hyperlink ref="B149" location="'7 PhysicalCapital'!A231" display="Landscape and aesthetics"/>
    <hyperlink ref="B157" location="'8 NaturalCapital'!A3" display="Perceived environmental health"/>
    <hyperlink ref="B10" location="'1 IndividualWellbeing'!A22" display="Personal Wellbeing Index"/>
    <hyperlink ref="B24" location="'2 CommunityWellbeing'!A22" display="Community wellbeing measures"/>
    <hyperlink ref="B13" location="'1 IndividualWellbeing'!A41" display="Personal wellbeing domains"/>
    <hyperlink ref="B16" location="'1 IndividualWellbeing'!A60" display="Feeling life is worthwhile"/>
    <hyperlink ref="B27" location="'2 CommunityWellbeing'!A41" display="Changes in liveability"/>
    <hyperlink ref="B30" location="'2 CommunityWellbeing'!A60" display="Community reputation"/>
    <hyperlink ref="A5" location="'1 IndividualWellbeing'!A1" display="Wellbeing of people"/>
    <hyperlink ref="A19" location="'2 CommunityWellbeing'!A1" display="Wellbeing of communities"/>
    <hyperlink ref="A35" location="'3 FinancialCapital'!A1" display="Financial capital"/>
    <hyperlink ref="A52" location="'4 HumanCapital'!A1" display="Human capital"/>
    <hyperlink ref="B40" location="'3 FinancialCapital'!A22" display="Household financial measures"/>
    <hyperlink ref="B43" location="'3 FinancialCapital'!A41" display="Financial distress"/>
    <hyperlink ref="B49" location="'3 FinancialCapital'!A79" display="Community economic measures"/>
    <hyperlink ref="B65" location="'4 HumanCapital'!A60" display="Self-efficacy measures"/>
    <hyperlink ref="B71" location="'4 HumanCapital'!A98" display="Community leadership and collaboration measures"/>
    <hyperlink ref="A74" location="'5 InstitutionalCapital'!A1" display="Institutional Capital"/>
    <hyperlink ref="B79" location="'5 InstitutionalCapital'!A22" display="Having a say and being heard measures"/>
    <hyperlink ref="B85" location="'5 InstitutionalCapital'!A60" display="Equity and inclusion measures"/>
    <hyperlink ref="A88" location="'6 SocialCapital'!A1" display="Social capital"/>
    <hyperlink ref="B93" location="'6 SocialCapital'!A22" display="Spending time with friends and family measures"/>
    <hyperlink ref="B99" location="'6 SocialCapital'!A60" display="Getting involved measures"/>
    <hyperlink ref="B102" location="'6 SocialCapital'!A79" display="Volunteering"/>
    <hyperlink ref="B108" location="'6 SocialCapital'!A117" display="Sense of belonging measures"/>
    <hyperlink ref="A111" location="'7 PhysicalCapital'!A1" display="Physical capital"/>
    <hyperlink ref="B116" location="'7 PhysicalCapital'!A22" display="Access to health, education, aged care and child care measures"/>
    <hyperlink ref="B119" location="'7 PhysicalCapital'!A41" display="Access to roads and public transport "/>
    <hyperlink ref="B122" location="'7 PhysicalCapital'!A60" display="Access to roads and public transport measures"/>
    <hyperlink ref="B125" location="'7 PhysicalCapital'!A79" display="Access to food and retail shops"/>
    <hyperlink ref="B128" location="'7 PhysicalCapital'!A98" display="Access to food and retail shops measures"/>
    <hyperlink ref="B131" location="'7 PhysicalCapital'!A117" display="Access to financial and professional services"/>
    <hyperlink ref="B134" location="'7 PhysicalCapital'!A136" display="Access to financial and professional services measures"/>
    <hyperlink ref="B140" location="'7 PhysicalCapital'!A174" display="Access to telecommunications measures"/>
    <hyperlink ref="B146" location="'7 PhysicalCapital'!A212" display="Crime and safety in the local community measures"/>
    <hyperlink ref="B152" location="'7 PhysicalCapital'!A250" display="Landscape and aesthetics measures"/>
    <hyperlink ref="A155" location="'8 NaturalCapital'!A1" display="Natural capital"/>
    <hyperlink ref="B160" location="'8 NaturalCapital'!A22" display="Percieved environmental health measures"/>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7"/>
  <sheetViews>
    <sheetView topLeftCell="A61" zoomScale="90" zoomScaleNormal="90" zoomScalePageLayoutView="75" workbookViewId="0">
      <selection activeCell="A69" sqref="A69"/>
    </sheetView>
  </sheetViews>
  <sheetFormatPr defaultColWidth="20.28515625" defaultRowHeight="15"/>
  <cols>
    <col min="1" max="1" width="33.7109375" style="1" customWidth="1"/>
    <col min="2" max="4" width="20.28515625" style="1" customWidth="1"/>
    <col min="5" max="6" width="20.28515625" style="5" customWidth="1"/>
    <col min="7" max="16384" width="20.28515625" style="1"/>
  </cols>
  <sheetData>
    <row r="1" spans="1:6" ht="31.5">
      <c r="A1" s="30" t="s">
        <v>82</v>
      </c>
    </row>
    <row r="3" spans="1:6" ht="18.75">
      <c r="A3" s="327" t="s">
        <v>111</v>
      </c>
      <c r="B3" s="327"/>
      <c r="C3" s="327"/>
      <c r="D3" s="327"/>
    </row>
    <row r="4" spans="1:6" ht="63" customHeight="1">
      <c r="A4" s="328" t="s">
        <v>112</v>
      </c>
      <c r="B4" s="328"/>
      <c r="C4" s="328"/>
      <c r="D4" s="328"/>
    </row>
    <row r="5" spans="1:6" ht="33" customHeight="1">
      <c r="A5" s="329" t="s">
        <v>113</v>
      </c>
      <c r="B5" s="329"/>
      <c r="C5" s="329"/>
      <c r="D5" s="329"/>
    </row>
    <row r="6" spans="1:6" ht="45" customHeight="1">
      <c r="A6" s="34" t="s">
        <v>114</v>
      </c>
      <c r="B6" s="35" t="s">
        <v>115</v>
      </c>
      <c r="C6" s="36" t="s">
        <v>116</v>
      </c>
      <c r="D6" s="37" t="s">
        <v>117</v>
      </c>
    </row>
    <row r="7" spans="1:6" ht="60">
      <c r="A7" s="38"/>
      <c r="B7" s="39" t="s">
        <v>118</v>
      </c>
      <c r="C7" s="40" t="s">
        <v>119</v>
      </c>
      <c r="D7" s="41" t="s">
        <v>120</v>
      </c>
    </row>
    <row r="8" spans="1:6">
      <c r="A8" s="42" t="s">
        <v>442</v>
      </c>
      <c r="B8" s="43">
        <v>12259</v>
      </c>
      <c r="C8" s="44">
        <v>73.714322241801</v>
      </c>
      <c r="D8" s="45">
        <v>0.58191453775748414</v>
      </c>
    </row>
    <row r="9" spans="1:6">
      <c r="A9" s="46" t="s">
        <v>443</v>
      </c>
      <c r="B9" s="47">
        <v>999</v>
      </c>
      <c r="C9" s="48">
        <v>75.361934885488836</v>
      </c>
      <c r="D9" s="49">
        <v>1.0320338336444763</v>
      </c>
      <c r="F9"/>
    </row>
    <row r="10" spans="1:6">
      <c r="A10" s="50" t="s">
        <v>434</v>
      </c>
      <c r="B10" s="51">
        <v>274</v>
      </c>
      <c r="C10" s="52">
        <v>72.937916397324088</v>
      </c>
      <c r="D10" s="53">
        <v>4.6861969951856342</v>
      </c>
    </row>
    <row r="11" spans="1:6" ht="25.5">
      <c r="A11" s="46" t="s">
        <v>438</v>
      </c>
      <c r="B11" s="47">
        <v>59</v>
      </c>
      <c r="C11" s="48">
        <v>72.561861339037833</v>
      </c>
      <c r="D11" s="49">
        <v>8.8856126687344439</v>
      </c>
    </row>
    <row r="12" spans="1:6" ht="25.5">
      <c r="A12" s="54" t="s">
        <v>454</v>
      </c>
      <c r="B12" s="43">
        <v>67</v>
      </c>
      <c r="C12" s="44">
        <v>81.123350974407174</v>
      </c>
      <c r="D12" s="45">
        <v>6.1260176282833267</v>
      </c>
    </row>
    <row r="13" spans="1:6" ht="25.5">
      <c r="A13" s="46" t="s">
        <v>444</v>
      </c>
      <c r="B13" s="47">
        <v>113</v>
      </c>
      <c r="C13" s="48">
        <v>72.081226499910514</v>
      </c>
      <c r="D13" s="49">
        <v>6.3825369823363776</v>
      </c>
    </row>
    <row r="14" spans="1:6">
      <c r="A14" s="54" t="s">
        <v>445</v>
      </c>
      <c r="B14" s="43">
        <v>239</v>
      </c>
      <c r="C14" s="44">
        <v>73.820233274588006</v>
      </c>
      <c r="D14" s="45">
        <v>5.0014556771262075</v>
      </c>
    </row>
    <row r="15" spans="1:6">
      <c r="A15" s="46" t="s">
        <v>446</v>
      </c>
      <c r="B15" s="47">
        <v>124</v>
      </c>
      <c r="C15" s="48">
        <v>73.269343354222912</v>
      </c>
      <c r="D15" s="49">
        <v>7.7596606503276622</v>
      </c>
    </row>
    <row r="16" spans="1:6" s="5" customFormat="1"/>
    <row r="17" spans="1:4" s="5" customFormat="1"/>
    <row r="18" spans="1:4" s="5" customFormat="1"/>
    <row r="19" spans="1:4" s="5" customFormat="1"/>
    <row r="20" spans="1:4">
      <c r="A20" s="5"/>
      <c r="B20" s="5"/>
      <c r="C20" s="5"/>
      <c r="D20" s="5"/>
    </row>
    <row r="22" spans="1:4" ht="18.75">
      <c r="A22" s="327" t="s">
        <v>10</v>
      </c>
      <c r="B22" s="327"/>
      <c r="C22" s="327"/>
      <c r="D22" s="327"/>
    </row>
    <row r="23" spans="1:4" ht="115.5" customHeight="1">
      <c r="A23" s="330" t="s">
        <v>121</v>
      </c>
      <c r="B23" s="328"/>
      <c r="C23" s="328"/>
      <c r="D23" s="328"/>
    </row>
    <row r="24" spans="1:4" ht="39.75" customHeight="1">
      <c r="A24" s="329" t="s">
        <v>122</v>
      </c>
      <c r="B24" s="329"/>
      <c r="C24" s="329"/>
      <c r="D24" s="329"/>
    </row>
    <row r="25" spans="1:4" ht="45" customHeight="1">
      <c r="A25" s="34" t="s">
        <v>114</v>
      </c>
      <c r="B25" s="35" t="s">
        <v>115</v>
      </c>
      <c r="C25" s="36" t="s">
        <v>116</v>
      </c>
      <c r="D25" s="37" t="s">
        <v>117</v>
      </c>
    </row>
    <row r="26" spans="1:4" ht="60">
      <c r="A26" s="38"/>
      <c r="B26" s="39" t="s">
        <v>118</v>
      </c>
      <c r="C26" s="40" t="s">
        <v>119</v>
      </c>
      <c r="D26" s="41" t="s">
        <v>120</v>
      </c>
    </row>
    <row r="27" spans="1:4">
      <c r="A27" s="42" t="s">
        <v>442</v>
      </c>
      <c r="B27" s="55">
        <v>12188</v>
      </c>
      <c r="C27" s="56">
        <v>72.256563278738312</v>
      </c>
      <c r="D27" s="57">
        <v>0.53481012539216977</v>
      </c>
    </row>
    <row r="28" spans="1:4">
      <c r="A28" s="46" t="s">
        <v>443</v>
      </c>
      <c r="B28" s="58">
        <v>995</v>
      </c>
      <c r="C28" s="59">
        <v>71.560935499134857</v>
      </c>
      <c r="D28" s="60">
        <v>2.1535635342692814</v>
      </c>
    </row>
    <row r="29" spans="1:4">
      <c r="A29" s="50" t="s">
        <v>434</v>
      </c>
      <c r="B29" s="51">
        <v>273</v>
      </c>
      <c r="C29" s="52">
        <v>73.830221228040983</v>
      </c>
      <c r="D29" s="53">
        <v>4.327580858594942</v>
      </c>
    </row>
    <row r="30" spans="1:4" ht="25.5">
      <c r="A30" s="46" t="s">
        <v>438</v>
      </c>
      <c r="B30" s="58">
        <v>58</v>
      </c>
      <c r="C30" s="59">
        <v>70.972895508693099</v>
      </c>
      <c r="D30" s="60">
        <v>11.030493156828868</v>
      </c>
    </row>
    <row r="31" spans="1:4" ht="25.5">
      <c r="A31" s="54" t="s">
        <v>454</v>
      </c>
      <c r="B31" s="55">
        <v>67</v>
      </c>
      <c r="C31" s="56">
        <v>78.956726355613625</v>
      </c>
      <c r="D31" s="57">
        <v>4.5565427363979438</v>
      </c>
    </row>
    <row r="32" spans="1:4" ht="25.5">
      <c r="A32" s="46" t="s">
        <v>444</v>
      </c>
      <c r="B32" s="58">
        <v>113</v>
      </c>
      <c r="C32" s="59">
        <v>73.827135935032317</v>
      </c>
      <c r="D32" s="60">
        <v>5.4092675495435856</v>
      </c>
    </row>
    <row r="33" spans="1:22">
      <c r="A33" s="54" t="s">
        <v>445</v>
      </c>
      <c r="B33" s="55">
        <v>238</v>
      </c>
      <c r="C33" s="56">
        <v>75.110821673866937</v>
      </c>
      <c r="D33" s="57">
        <v>5.4420245149934772</v>
      </c>
    </row>
    <row r="34" spans="1:22">
      <c r="A34" s="46" t="s">
        <v>446</v>
      </c>
      <c r="B34" s="58">
        <v>123</v>
      </c>
      <c r="C34" s="59">
        <v>73.858484818510334</v>
      </c>
      <c r="D34" s="60">
        <v>8.5669036315963183</v>
      </c>
    </row>
    <row r="35" spans="1:22">
      <c r="A35" s="54" t="s">
        <v>447</v>
      </c>
      <c r="B35" s="55">
        <v>115</v>
      </c>
      <c r="C35" s="56">
        <v>77.041493051501163</v>
      </c>
      <c r="D35" s="57">
        <v>3.2664610305456137</v>
      </c>
    </row>
    <row r="36" spans="1:22" s="5" customFormat="1"/>
    <row r="37" spans="1:22" s="5" customFormat="1"/>
    <row r="38" spans="1:22" s="5" customFormat="1"/>
    <row r="39" spans="1:22">
      <c r="A39" s="5"/>
      <c r="B39" s="5"/>
      <c r="C39" s="5"/>
      <c r="D39" s="5"/>
    </row>
    <row r="41" spans="1:22" ht="18.75">
      <c r="A41" s="327" t="s">
        <v>36</v>
      </c>
      <c r="B41" s="327"/>
      <c r="C41" s="327"/>
      <c r="D41" s="327"/>
      <c r="E41" s="327"/>
      <c r="F41" s="327"/>
      <c r="G41" s="327"/>
      <c r="H41" s="327"/>
      <c r="I41" s="327"/>
      <c r="J41" s="327"/>
      <c r="K41" s="327"/>
      <c r="L41" s="327"/>
      <c r="M41" s="327"/>
      <c r="N41" s="327"/>
      <c r="O41" s="327"/>
      <c r="P41" s="327"/>
      <c r="Q41" s="327"/>
      <c r="R41" s="327"/>
      <c r="S41" s="327"/>
      <c r="T41" s="327"/>
      <c r="U41" s="327"/>
      <c r="V41" s="327"/>
    </row>
    <row r="42" spans="1:22" ht="70.5" customHeight="1">
      <c r="A42" s="330" t="s">
        <v>123</v>
      </c>
      <c r="B42" s="330"/>
      <c r="C42" s="330"/>
      <c r="D42" s="330"/>
      <c r="E42" s="330"/>
      <c r="F42" s="330"/>
      <c r="G42" s="330"/>
      <c r="H42" s="330"/>
      <c r="I42" s="330"/>
      <c r="J42" s="330"/>
      <c r="K42" s="330"/>
      <c r="L42" s="330"/>
      <c r="M42" s="330"/>
      <c r="N42" s="330"/>
      <c r="O42" s="330"/>
      <c r="P42" s="330"/>
      <c r="Q42" s="330"/>
      <c r="R42" s="330"/>
      <c r="S42" s="330"/>
      <c r="T42" s="330"/>
      <c r="U42" s="330"/>
      <c r="V42" s="330"/>
    </row>
    <row r="43" spans="1:22" ht="28.5" customHeight="1">
      <c r="A43" s="61" t="s">
        <v>124</v>
      </c>
      <c r="B43" s="329" t="s">
        <v>125</v>
      </c>
      <c r="C43" s="329"/>
      <c r="D43" s="329"/>
      <c r="E43" s="329" t="s">
        <v>126</v>
      </c>
      <c r="F43" s="329"/>
      <c r="G43" s="329"/>
      <c r="H43" s="329" t="s">
        <v>127</v>
      </c>
      <c r="I43" s="329"/>
      <c r="J43" s="329"/>
      <c r="K43" s="329" t="s">
        <v>128</v>
      </c>
      <c r="L43" s="329"/>
      <c r="M43" s="329"/>
      <c r="N43" s="329" t="s">
        <v>129</v>
      </c>
      <c r="O43" s="329"/>
      <c r="P43" s="329"/>
      <c r="Q43" s="329" t="s">
        <v>130</v>
      </c>
      <c r="R43" s="329"/>
      <c r="S43" s="329"/>
      <c r="T43" s="329" t="s">
        <v>131</v>
      </c>
      <c r="U43" s="329"/>
      <c r="V43" s="329"/>
    </row>
    <row r="44" spans="1:22" ht="43.5" customHeight="1">
      <c r="A44" s="34" t="s">
        <v>114</v>
      </c>
      <c r="B44" s="62" t="s">
        <v>115</v>
      </c>
      <c r="C44" s="63" t="s">
        <v>116</v>
      </c>
      <c r="D44" s="64" t="s">
        <v>117</v>
      </c>
      <c r="E44" s="35" t="s">
        <v>115</v>
      </c>
      <c r="F44" s="36" t="s">
        <v>116</v>
      </c>
      <c r="G44" s="37" t="s">
        <v>117</v>
      </c>
      <c r="H44" s="62" t="s">
        <v>115</v>
      </c>
      <c r="I44" s="63" t="s">
        <v>116</v>
      </c>
      <c r="J44" s="64" t="s">
        <v>117</v>
      </c>
      <c r="K44" s="35" t="s">
        <v>115</v>
      </c>
      <c r="L44" s="36" t="s">
        <v>116</v>
      </c>
      <c r="M44" s="37" t="s">
        <v>117</v>
      </c>
      <c r="N44" s="62" t="s">
        <v>115</v>
      </c>
      <c r="O44" s="63" t="s">
        <v>116</v>
      </c>
      <c r="P44" s="64" t="s">
        <v>117</v>
      </c>
      <c r="Q44" s="35" t="s">
        <v>115</v>
      </c>
      <c r="R44" s="36" t="s">
        <v>116</v>
      </c>
      <c r="S44" s="37" t="s">
        <v>117</v>
      </c>
      <c r="T44" s="62" t="s">
        <v>115</v>
      </c>
      <c r="U44" s="63" t="s">
        <v>116</v>
      </c>
      <c r="V44" s="64" t="s">
        <v>117</v>
      </c>
    </row>
    <row r="45" spans="1:22" ht="60">
      <c r="A45" s="38"/>
      <c r="B45" s="65" t="s">
        <v>118</v>
      </c>
      <c r="C45" s="66" t="s">
        <v>119</v>
      </c>
      <c r="D45" s="67" t="s">
        <v>120</v>
      </c>
      <c r="E45" s="39" t="s">
        <v>118</v>
      </c>
      <c r="F45" s="40" t="s">
        <v>119</v>
      </c>
      <c r="G45" s="41" t="s">
        <v>120</v>
      </c>
      <c r="H45" s="65" t="s">
        <v>118</v>
      </c>
      <c r="I45" s="66" t="s">
        <v>119</v>
      </c>
      <c r="J45" s="67" t="s">
        <v>120</v>
      </c>
      <c r="K45" s="39" t="s">
        <v>118</v>
      </c>
      <c r="L45" s="40" t="s">
        <v>119</v>
      </c>
      <c r="M45" s="41" t="s">
        <v>120</v>
      </c>
      <c r="N45" s="65" t="s">
        <v>118</v>
      </c>
      <c r="O45" s="66" t="s">
        <v>119</v>
      </c>
      <c r="P45" s="67" t="s">
        <v>120</v>
      </c>
      <c r="Q45" s="39" t="s">
        <v>118</v>
      </c>
      <c r="R45" s="40" t="s">
        <v>119</v>
      </c>
      <c r="S45" s="41" t="s">
        <v>120</v>
      </c>
      <c r="T45" s="65" t="s">
        <v>118</v>
      </c>
      <c r="U45" s="66" t="s">
        <v>119</v>
      </c>
      <c r="V45" s="67" t="s">
        <v>120</v>
      </c>
    </row>
    <row r="46" spans="1:22">
      <c r="A46" s="42" t="s">
        <v>453</v>
      </c>
      <c r="B46" s="68">
        <v>12242</v>
      </c>
      <c r="C46" s="69">
        <v>75.523599849544865</v>
      </c>
      <c r="D46" s="70">
        <v>0.61251936975383892</v>
      </c>
      <c r="E46" s="68">
        <v>12215</v>
      </c>
      <c r="F46" s="69">
        <v>68.190659147698952</v>
      </c>
      <c r="G46" s="70">
        <v>0.67376260898302398</v>
      </c>
      <c r="H46" s="68">
        <v>12171</v>
      </c>
      <c r="I46" s="69">
        <v>68.385707888180519</v>
      </c>
      <c r="J46" s="70">
        <v>0.71049423529234268</v>
      </c>
      <c r="K46" s="68">
        <v>12191</v>
      </c>
      <c r="L46" s="69">
        <v>75.324775383602415</v>
      </c>
      <c r="M46" s="70">
        <v>0.72796505359391972</v>
      </c>
      <c r="N46" s="68">
        <v>12213</v>
      </c>
      <c r="O46" s="69">
        <v>80.090995928966109</v>
      </c>
      <c r="P46" s="70">
        <v>0.6204905940304517</v>
      </c>
      <c r="Q46" s="68">
        <v>12197</v>
      </c>
      <c r="R46" s="69">
        <v>70.375710504536954</v>
      </c>
      <c r="S46" s="70">
        <v>0.72775614464511307</v>
      </c>
      <c r="T46" s="68">
        <v>12197</v>
      </c>
      <c r="U46" s="69">
        <v>67.23896223969048</v>
      </c>
      <c r="V46" s="70">
        <v>0.76011240346149478</v>
      </c>
    </row>
    <row r="47" spans="1:22">
      <c r="A47" s="46" t="s">
        <v>443</v>
      </c>
      <c r="B47" s="71">
        <v>999</v>
      </c>
      <c r="C47" s="72">
        <v>75.962810938263985</v>
      </c>
      <c r="D47" s="73">
        <v>2.2190768005782235</v>
      </c>
      <c r="E47" s="71">
        <v>995</v>
      </c>
      <c r="F47" s="72">
        <v>68.549558209969803</v>
      </c>
      <c r="G47" s="73">
        <v>2.4665098665521867</v>
      </c>
      <c r="H47" s="71">
        <v>991</v>
      </c>
      <c r="I47" s="72">
        <v>68.88498640357129</v>
      </c>
      <c r="J47" s="73">
        <v>2.8147872679561825</v>
      </c>
      <c r="K47" s="71">
        <v>995</v>
      </c>
      <c r="L47" s="72">
        <v>75.534121090422218</v>
      </c>
      <c r="M47" s="73">
        <v>2.7179517501505845</v>
      </c>
      <c r="N47" s="71">
        <v>999</v>
      </c>
      <c r="O47" s="72">
        <v>75.316257132224237</v>
      </c>
      <c r="P47" s="73">
        <v>2.7204979438904431</v>
      </c>
      <c r="Q47" s="71">
        <v>996</v>
      </c>
      <c r="R47" s="72">
        <v>70.265907560437711</v>
      </c>
      <c r="S47" s="73">
        <v>2.9080317349003515</v>
      </c>
      <c r="T47" s="71">
        <v>995</v>
      </c>
      <c r="U47" s="72">
        <v>66.364391141404894</v>
      </c>
      <c r="V47" s="73">
        <v>2.876584409813292</v>
      </c>
    </row>
    <row r="48" spans="1:22">
      <c r="A48" s="50" t="s">
        <v>434</v>
      </c>
      <c r="B48" s="51">
        <v>273</v>
      </c>
      <c r="C48" s="52">
        <v>76.714710153734302</v>
      </c>
      <c r="D48" s="53">
        <v>4.4275448231834069</v>
      </c>
      <c r="E48" s="51">
        <v>272</v>
      </c>
      <c r="F48" s="52">
        <v>69.513806547653758</v>
      </c>
      <c r="G48" s="53">
        <v>5.0808491037911807</v>
      </c>
      <c r="H48" s="51">
        <v>273</v>
      </c>
      <c r="I48" s="52">
        <v>70.655781872113451</v>
      </c>
      <c r="J48" s="53">
        <v>6.0354306314429262</v>
      </c>
      <c r="K48" s="51">
        <v>273</v>
      </c>
      <c r="L48" s="52">
        <v>76.245463629239254</v>
      </c>
      <c r="M48" s="53">
        <v>5.7083458357723771</v>
      </c>
      <c r="N48" s="51">
        <v>274</v>
      </c>
      <c r="O48" s="52">
        <v>78.976140178401465</v>
      </c>
      <c r="P48" s="53">
        <v>4.7929481728102541</v>
      </c>
      <c r="Q48" s="51">
        <v>274</v>
      </c>
      <c r="R48" s="52">
        <v>74.196021471153813</v>
      </c>
      <c r="S48" s="53">
        <v>5.2455753497852786</v>
      </c>
      <c r="T48" s="51">
        <v>274</v>
      </c>
      <c r="U48" s="52">
        <v>70.381445040162646</v>
      </c>
      <c r="V48" s="53">
        <v>5.2465791288129804</v>
      </c>
    </row>
    <row r="49" spans="1:22" ht="25.5">
      <c r="A49" s="46" t="s">
        <v>438</v>
      </c>
      <c r="B49" s="71">
        <v>59</v>
      </c>
      <c r="C49" s="72">
        <v>71.94580450338394</v>
      </c>
      <c r="D49" s="73">
        <v>8.7171226443622185</v>
      </c>
      <c r="E49" s="71">
        <v>59</v>
      </c>
      <c r="F49" s="72">
        <v>68.333274372780608</v>
      </c>
      <c r="G49" s="73">
        <v>10.059498386436143</v>
      </c>
      <c r="H49" s="71">
        <v>58</v>
      </c>
      <c r="I49" s="72">
        <v>69.371698300819403</v>
      </c>
      <c r="J49" s="73">
        <v>11.566001708181926</v>
      </c>
      <c r="K49" s="71">
        <v>58</v>
      </c>
      <c r="L49" s="72">
        <v>71.550198981305385</v>
      </c>
      <c r="M49" s="73">
        <v>12.786207864071271</v>
      </c>
      <c r="N49" s="71">
        <v>59</v>
      </c>
      <c r="O49" s="72">
        <v>78.63138284467874</v>
      </c>
      <c r="P49" s="73">
        <v>12.357050177394644</v>
      </c>
      <c r="Q49" s="71">
        <v>59</v>
      </c>
      <c r="R49" s="72">
        <v>71.204518573022696</v>
      </c>
      <c r="S49" s="73">
        <v>13.191786626853261</v>
      </c>
      <c r="T49" s="71">
        <v>59</v>
      </c>
      <c r="U49" s="72">
        <v>65.841552238231756</v>
      </c>
      <c r="V49" s="73">
        <v>13.175358592432627</v>
      </c>
    </row>
    <row r="50" spans="1:22" ht="25.5">
      <c r="A50" s="54" t="s">
        <v>454</v>
      </c>
      <c r="B50" s="68">
        <v>66</v>
      </c>
      <c r="C50" s="69">
        <v>82.734555410750403</v>
      </c>
      <c r="D50" s="70">
        <v>6.0113451560277475</v>
      </c>
      <c r="E50" s="68">
        <v>67</v>
      </c>
      <c r="F50" s="69">
        <v>70.38978845999722</v>
      </c>
      <c r="G50" s="70">
        <v>9.0170874794612388</v>
      </c>
      <c r="H50" s="68">
        <v>67</v>
      </c>
      <c r="I50" s="69">
        <v>77.780599038452024</v>
      </c>
      <c r="J50" s="70">
        <v>7.0745175261242288</v>
      </c>
      <c r="K50" s="68">
        <v>67</v>
      </c>
      <c r="L50" s="69">
        <v>80.331071701931776</v>
      </c>
      <c r="M50" s="70">
        <v>8.2137951171033841</v>
      </c>
      <c r="N50" s="68">
        <v>67</v>
      </c>
      <c r="O50" s="69">
        <v>86.169385384423194</v>
      </c>
      <c r="P50" s="70">
        <v>5.7595409033997313</v>
      </c>
      <c r="Q50" s="68">
        <v>67</v>
      </c>
      <c r="R50" s="69">
        <v>78.283112396598284</v>
      </c>
      <c r="S50" s="70">
        <v>6.1364970511540484</v>
      </c>
      <c r="T50" s="68">
        <v>67</v>
      </c>
      <c r="U50" s="69">
        <v>76.920495788108639</v>
      </c>
      <c r="V50" s="70">
        <v>7.12135015288335</v>
      </c>
    </row>
    <row r="51" spans="1:22" ht="25.5">
      <c r="A51" s="46" t="s">
        <v>444</v>
      </c>
      <c r="B51" s="71">
        <v>113</v>
      </c>
      <c r="C51" s="72">
        <v>76.936339229133964</v>
      </c>
      <c r="D51" s="73">
        <v>5.9399658458858351</v>
      </c>
      <c r="E51" s="71">
        <v>111</v>
      </c>
      <c r="F51" s="72">
        <v>69.981155781561284</v>
      </c>
      <c r="G51" s="73">
        <v>6.8543876710086327</v>
      </c>
      <c r="H51" s="71">
        <v>113</v>
      </c>
      <c r="I51" s="72">
        <v>70.410128152579574</v>
      </c>
      <c r="J51" s="73">
        <v>8.2418674388378044</v>
      </c>
      <c r="K51" s="71">
        <v>113</v>
      </c>
      <c r="L51" s="72">
        <v>77.222688635429819</v>
      </c>
      <c r="M51" s="73">
        <v>7.4225910404650453</v>
      </c>
      <c r="N51" s="71">
        <v>113</v>
      </c>
      <c r="O51" s="72">
        <v>77.614997512225841</v>
      </c>
      <c r="P51" s="73">
        <v>5.9451473902551655</v>
      </c>
      <c r="Q51" s="71">
        <v>113</v>
      </c>
      <c r="R51" s="72">
        <v>74.071948597500153</v>
      </c>
      <c r="S51" s="73">
        <v>6.5843412588286832</v>
      </c>
      <c r="T51" s="71">
        <v>113</v>
      </c>
      <c r="U51" s="72">
        <v>70.375570909417576</v>
      </c>
      <c r="V51" s="73">
        <v>6.5219076835741685</v>
      </c>
    </row>
    <row r="52" spans="1:22">
      <c r="A52" s="54" t="s">
        <v>445</v>
      </c>
      <c r="B52" s="68">
        <v>239</v>
      </c>
      <c r="C52" s="69">
        <v>76.332392957699426</v>
      </c>
      <c r="D52" s="70">
        <v>5.5594312646730248</v>
      </c>
      <c r="E52" s="68">
        <v>237</v>
      </c>
      <c r="F52" s="69">
        <v>73.687919173797624</v>
      </c>
      <c r="G52" s="70">
        <v>3.9642346995732858</v>
      </c>
      <c r="H52" s="68">
        <v>238</v>
      </c>
      <c r="I52" s="69">
        <v>71.954755714806396</v>
      </c>
      <c r="J52" s="70">
        <v>6.088978399136753</v>
      </c>
      <c r="K52" s="68">
        <v>238</v>
      </c>
      <c r="L52" s="69">
        <v>75.693180426953688</v>
      </c>
      <c r="M52" s="70">
        <v>7.9550062802061561</v>
      </c>
      <c r="N52" s="68">
        <v>238</v>
      </c>
      <c r="O52" s="69">
        <v>83.719407095744486</v>
      </c>
      <c r="P52" s="70">
        <v>6.1935616008694083</v>
      </c>
      <c r="Q52" s="68">
        <v>237</v>
      </c>
      <c r="R52" s="69">
        <v>73.127032999685881</v>
      </c>
      <c r="S52" s="70">
        <v>7.1198076093529927</v>
      </c>
      <c r="T52" s="68">
        <v>238</v>
      </c>
      <c r="U52" s="69">
        <v>71.272835793660178</v>
      </c>
      <c r="V52" s="70">
        <v>6.8525444511085087</v>
      </c>
    </row>
    <row r="53" spans="1:22">
      <c r="A53" s="46" t="s">
        <v>446</v>
      </c>
      <c r="B53" s="71">
        <v>124</v>
      </c>
      <c r="C53" s="72">
        <v>75.473594210910292</v>
      </c>
      <c r="D53" s="73">
        <v>8.0758615466859052</v>
      </c>
      <c r="E53" s="71">
        <v>124</v>
      </c>
      <c r="F53" s="72">
        <v>73.621191167166444</v>
      </c>
      <c r="G53" s="73">
        <v>5.3174522332294138</v>
      </c>
      <c r="H53" s="71">
        <v>124</v>
      </c>
      <c r="I53" s="72">
        <v>70.33660999421663</v>
      </c>
      <c r="J53" s="73">
        <v>9.3926163401762519</v>
      </c>
      <c r="K53" s="71">
        <v>123</v>
      </c>
      <c r="L53" s="72">
        <v>72.822768966010017</v>
      </c>
      <c r="M53" s="73">
        <v>12.17471139750133</v>
      </c>
      <c r="N53" s="71">
        <v>123</v>
      </c>
      <c r="O53" s="72">
        <v>81.371638930213862</v>
      </c>
      <c r="P53" s="73">
        <v>9.5927721519301645</v>
      </c>
      <c r="Q53" s="71">
        <v>123</v>
      </c>
      <c r="R53" s="72">
        <v>73.022670085840062</v>
      </c>
      <c r="S53" s="73">
        <v>10.533277742346678</v>
      </c>
      <c r="T53" s="71">
        <v>123</v>
      </c>
      <c r="U53" s="72">
        <v>70.328008094993933</v>
      </c>
      <c r="V53" s="73">
        <v>10.093515888118487</v>
      </c>
    </row>
    <row r="54" spans="1:22">
      <c r="A54" s="54" t="s">
        <v>447</v>
      </c>
      <c r="B54" s="68">
        <v>115</v>
      </c>
      <c r="C54" s="69">
        <v>77.656729196058222</v>
      </c>
      <c r="D54" s="70">
        <v>6.580393920139036</v>
      </c>
      <c r="E54" s="68">
        <v>113</v>
      </c>
      <c r="F54" s="69">
        <v>73.791180962288166</v>
      </c>
      <c r="G54" s="70">
        <v>5.8539651027445316</v>
      </c>
      <c r="H54" s="68">
        <v>114</v>
      </c>
      <c r="I54" s="69">
        <v>74.45347417066931</v>
      </c>
      <c r="J54" s="70">
        <v>4.4080470458889209</v>
      </c>
      <c r="K54" s="68">
        <v>115</v>
      </c>
      <c r="L54" s="69">
        <v>80.118364614396882</v>
      </c>
      <c r="M54" s="70">
        <v>5.5512198079021324</v>
      </c>
      <c r="N54" s="68">
        <v>115</v>
      </c>
      <c r="O54" s="69">
        <v>87.338855632391926</v>
      </c>
      <c r="P54" s="70">
        <v>3.2294997870278763</v>
      </c>
      <c r="Q54" s="68">
        <v>114</v>
      </c>
      <c r="R54" s="69">
        <v>73.288522942811227</v>
      </c>
      <c r="S54" s="70">
        <v>7.9444993054127533</v>
      </c>
      <c r="T54" s="68">
        <v>115</v>
      </c>
      <c r="U54" s="69">
        <v>72.729434141627152</v>
      </c>
      <c r="V54" s="70">
        <v>7.3097389920387368</v>
      </c>
    </row>
    <row r="55" spans="1:22" s="5" customFormat="1"/>
    <row r="56" spans="1:22" s="5" customFormat="1"/>
    <row r="57" spans="1:22" s="5" customFormat="1"/>
    <row r="58" spans="1:22">
      <c r="A58" s="5"/>
      <c r="B58" s="5"/>
      <c r="C58" s="5"/>
      <c r="D58" s="5"/>
      <c r="G58" s="5"/>
      <c r="H58" s="5"/>
      <c r="I58" s="5"/>
      <c r="J58" s="5"/>
      <c r="K58" s="5"/>
      <c r="L58" s="5"/>
      <c r="M58" s="5"/>
      <c r="N58" s="5"/>
      <c r="O58" s="5"/>
      <c r="P58" s="5"/>
      <c r="Q58" s="5"/>
      <c r="R58" s="5"/>
      <c r="S58" s="5"/>
      <c r="T58" s="5"/>
      <c r="U58" s="5"/>
      <c r="V58" s="5"/>
    </row>
    <row r="60" spans="1:22" ht="18.75">
      <c r="A60" s="327" t="s">
        <v>37</v>
      </c>
      <c r="B60" s="327"/>
      <c r="C60" s="327"/>
      <c r="D60" s="327"/>
    </row>
    <row r="61" spans="1:22" ht="76.5" customHeight="1">
      <c r="A61" s="328" t="s">
        <v>343</v>
      </c>
      <c r="B61" s="328"/>
      <c r="C61" s="328"/>
      <c r="D61" s="328"/>
    </row>
    <row r="62" spans="1:22" ht="33" customHeight="1">
      <c r="A62" s="329" t="s">
        <v>132</v>
      </c>
      <c r="B62" s="329"/>
      <c r="C62" s="329"/>
      <c r="D62" s="329"/>
    </row>
    <row r="63" spans="1:22" ht="42" customHeight="1">
      <c r="A63" s="34" t="s">
        <v>114</v>
      </c>
      <c r="B63" s="35" t="s">
        <v>115</v>
      </c>
      <c r="C63" s="36" t="s">
        <v>116</v>
      </c>
      <c r="D63" s="37" t="s">
        <v>117</v>
      </c>
    </row>
    <row r="64" spans="1:22" ht="60">
      <c r="A64" s="38"/>
      <c r="B64" s="39" t="s">
        <v>118</v>
      </c>
      <c r="C64" s="40" t="s">
        <v>344</v>
      </c>
      <c r="D64" s="41" t="s">
        <v>120</v>
      </c>
    </row>
    <row r="65" spans="1:4">
      <c r="A65" s="42" t="s">
        <v>442</v>
      </c>
      <c r="B65" s="74">
        <v>11775</v>
      </c>
      <c r="C65" s="75">
        <v>76.490545672644345</v>
      </c>
      <c r="D65" s="76">
        <v>0.63857776644233866</v>
      </c>
    </row>
    <row r="66" spans="1:4">
      <c r="A66" s="46" t="s">
        <v>443</v>
      </c>
      <c r="B66" s="77">
        <v>949</v>
      </c>
      <c r="C66" s="78">
        <v>76.813182952902409</v>
      </c>
      <c r="D66" s="79">
        <v>2.4846389311710038</v>
      </c>
    </row>
    <row r="67" spans="1:4">
      <c r="A67" s="50" t="s">
        <v>434</v>
      </c>
      <c r="B67" s="80">
        <v>258</v>
      </c>
      <c r="C67" s="81">
        <v>77.250605074109046</v>
      </c>
      <c r="D67" s="82">
        <v>5.3459224730185717</v>
      </c>
    </row>
    <row r="68" spans="1:4" ht="25.5">
      <c r="A68" s="46" t="s">
        <v>438</v>
      </c>
      <c r="B68" s="77">
        <v>54</v>
      </c>
      <c r="C68" s="78">
        <v>72.490514386189716</v>
      </c>
      <c r="D68" s="79">
        <v>13.91583179281799</v>
      </c>
    </row>
    <row r="69" spans="1:4" ht="48.75" customHeight="1">
      <c r="A69" s="54" t="s">
        <v>454</v>
      </c>
      <c r="B69" s="74">
        <v>63</v>
      </c>
      <c r="C69" s="75">
        <v>81.563811791202426</v>
      </c>
      <c r="D69" s="76">
        <v>5.3767228799480016</v>
      </c>
    </row>
    <row r="70" spans="1:4" ht="25.5">
      <c r="A70" s="46" t="s">
        <v>444</v>
      </c>
      <c r="B70" s="77">
        <v>109</v>
      </c>
      <c r="C70" s="78">
        <v>78.020783722884218</v>
      </c>
      <c r="D70" s="79">
        <v>6.506593742785034</v>
      </c>
    </row>
    <row r="71" spans="1:4">
      <c r="A71" s="54" t="s">
        <v>445</v>
      </c>
      <c r="B71" s="74">
        <v>227</v>
      </c>
      <c r="C71" s="75">
        <v>77.216847278006114</v>
      </c>
      <c r="D71" s="76">
        <v>6.6253543256429293</v>
      </c>
    </row>
    <row r="72" spans="1:4">
      <c r="A72" s="46" t="s">
        <v>446</v>
      </c>
      <c r="B72" s="77">
        <v>121</v>
      </c>
      <c r="C72" s="78">
        <v>77.464184033432218</v>
      </c>
      <c r="D72" s="79">
        <v>9.8854631205387289</v>
      </c>
    </row>
    <row r="73" spans="1:4">
      <c r="A73" s="54" t="s">
        <v>447</v>
      </c>
      <c r="B73" s="74">
        <v>106</v>
      </c>
      <c r="C73" s="75">
        <v>76.812483885668087</v>
      </c>
      <c r="D73" s="76">
        <v>6.6413331845223578</v>
      </c>
    </row>
    <row r="74" spans="1:4" s="5" customFormat="1"/>
    <row r="75" spans="1:4" s="5" customFormat="1"/>
    <row r="76" spans="1:4" s="5" customFormat="1"/>
    <row r="77" spans="1:4" s="5" customFormat="1"/>
  </sheetData>
  <mergeCells count="18">
    <mergeCell ref="A24:D24"/>
    <mergeCell ref="A3:D3"/>
    <mergeCell ref="A4:D4"/>
    <mergeCell ref="A5:D5"/>
    <mergeCell ref="A22:D22"/>
    <mergeCell ref="A23:D23"/>
    <mergeCell ref="A60:D60"/>
    <mergeCell ref="A61:D61"/>
    <mergeCell ref="A62:D62"/>
    <mergeCell ref="A41:V41"/>
    <mergeCell ref="A42:V42"/>
    <mergeCell ref="B43:D43"/>
    <mergeCell ref="E43:G43"/>
    <mergeCell ref="H43:J43"/>
    <mergeCell ref="K43:M43"/>
    <mergeCell ref="N43:P43"/>
    <mergeCell ref="Q43:S43"/>
    <mergeCell ref="T43:V4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3"/>
  <sheetViews>
    <sheetView zoomScaleNormal="100" workbookViewId="0">
      <selection activeCell="A69" sqref="A69"/>
    </sheetView>
  </sheetViews>
  <sheetFormatPr defaultColWidth="18" defaultRowHeight="15"/>
  <cols>
    <col min="1" max="1" width="30.42578125" style="5" customWidth="1"/>
    <col min="2" max="4" width="19.42578125" style="5" customWidth="1"/>
    <col min="5" max="8" width="18" style="5"/>
    <col min="9" max="9" width="29.7109375" style="5" customWidth="1"/>
    <col min="10" max="16384" width="18" style="5"/>
  </cols>
  <sheetData>
    <row r="1" spans="1:4" ht="28.5">
      <c r="A1" s="33" t="s">
        <v>83</v>
      </c>
    </row>
    <row r="3" spans="1:4" ht="18.75">
      <c r="A3" s="327" t="s">
        <v>11</v>
      </c>
      <c r="B3" s="327"/>
      <c r="C3" s="327"/>
      <c r="D3" s="327"/>
    </row>
    <row r="4" spans="1:4" ht="120" customHeight="1">
      <c r="A4" s="328" t="s">
        <v>133</v>
      </c>
      <c r="B4" s="328"/>
      <c r="C4" s="328"/>
      <c r="D4" s="328"/>
    </row>
    <row r="5" spans="1:4" ht="33" customHeight="1">
      <c r="A5" s="329" t="s">
        <v>134</v>
      </c>
      <c r="B5" s="329"/>
      <c r="C5" s="329"/>
      <c r="D5" s="329"/>
    </row>
    <row r="6" spans="1:4" ht="39" customHeight="1">
      <c r="A6" s="34" t="s">
        <v>114</v>
      </c>
      <c r="B6" s="35" t="s">
        <v>115</v>
      </c>
      <c r="C6" s="36" t="s">
        <v>116</v>
      </c>
      <c r="D6" s="37" t="s">
        <v>117</v>
      </c>
    </row>
    <row r="7" spans="1:4" ht="61.5" customHeight="1">
      <c r="A7" s="38"/>
      <c r="B7" s="39" t="s">
        <v>118</v>
      </c>
      <c r="C7" s="40" t="s">
        <v>135</v>
      </c>
      <c r="D7" s="41" t="s">
        <v>120</v>
      </c>
    </row>
    <row r="8" spans="1:4">
      <c r="A8" s="42" t="s">
        <v>442</v>
      </c>
      <c r="B8" s="83">
        <v>12683</v>
      </c>
      <c r="C8" s="84">
        <v>5.5190485968402259</v>
      </c>
      <c r="D8" s="85">
        <v>3.3524356393148658E-2</v>
      </c>
    </row>
    <row r="9" spans="1:4">
      <c r="A9" s="46" t="s">
        <v>443</v>
      </c>
      <c r="B9" s="86">
        <v>995</v>
      </c>
      <c r="C9" s="87">
        <v>5.5023500774672414</v>
      </c>
      <c r="D9" s="88">
        <v>0.12192872015090117</v>
      </c>
    </row>
    <row r="10" spans="1:4">
      <c r="A10" s="50" t="s">
        <v>434</v>
      </c>
      <c r="B10" s="80">
        <v>275</v>
      </c>
      <c r="C10" s="81">
        <v>5.6533878121897985</v>
      </c>
      <c r="D10" s="82">
        <v>0.19510887161120039</v>
      </c>
    </row>
    <row r="11" spans="1:4" ht="25.5">
      <c r="A11" s="46" t="s">
        <v>438</v>
      </c>
      <c r="B11" s="86">
        <v>59</v>
      </c>
      <c r="C11" s="87">
        <v>5.6750368755892335</v>
      </c>
      <c r="D11" s="88">
        <v>0.45645262981071522</v>
      </c>
    </row>
    <row r="12" spans="1:4" ht="38.25">
      <c r="A12" s="54" t="s">
        <v>454</v>
      </c>
      <c r="B12" s="83">
        <v>68</v>
      </c>
      <c r="C12" s="84">
        <v>5.9549704185808716</v>
      </c>
      <c r="D12" s="85">
        <v>0.31972677815860884</v>
      </c>
    </row>
    <row r="13" spans="1:4" ht="25.5">
      <c r="A13" s="46" t="s">
        <v>444</v>
      </c>
      <c r="B13" s="86">
        <v>113</v>
      </c>
      <c r="C13" s="87">
        <v>5.5778137068899332</v>
      </c>
      <c r="D13" s="88">
        <v>0.24835187538665693</v>
      </c>
    </row>
    <row r="14" spans="1:4">
      <c r="A14" s="54" t="s">
        <v>445</v>
      </c>
      <c r="B14" s="83">
        <v>238</v>
      </c>
      <c r="C14" s="84">
        <v>5.638288457106106</v>
      </c>
      <c r="D14" s="85">
        <v>0.19140922174640185</v>
      </c>
    </row>
    <row r="15" spans="1:4">
      <c r="A15" s="46" t="s">
        <v>446</v>
      </c>
      <c r="B15" s="86">
        <v>123</v>
      </c>
      <c r="C15" s="87">
        <v>5.6545241229768717</v>
      </c>
      <c r="D15" s="88">
        <v>0.27141397855100724</v>
      </c>
    </row>
    <row r="16" spans="1:4">
      <c r="A16" s="54" t="s">
        <v>447</v>
      </c>
      <c r="B16" s="83">
        <v>115</v>
      </c>
      <c r="C16" s="84">
        <v>5.6132796828706955</v>
      </c>
      <c r="D16" s="85">
        <v>0.24720008003767902</v>
      </c>
    </row>
    <row r="22" spans="1:36" ht="18.75">
      <c r="A22" s="336" t="s">
        <v>38</v>
      </c>
      <c r="B22" s="336"/>
      <c r="C22" s="336"/>
      <c r="D22" s="336"/>
      <c r="E22" s="336"/>
      <c r="F22" s="336"/>
      <c r="G22" s="336"/>
      <c r="H22" s="336"/>
      <c r="I22" s="336"/>
      <c r="J22" s="336"/>
      <c r="K22" s="336"/>
      <c r="L22" s="336"/>
      <c r="M22" s="336"/>
      <c r="N22" s="336"/>
      <c r="O22" s="336"/>
      <c r="P22" s="336"/>
      <c r="Q22" s="336"/>
      <c r="R22" s="336"/>
      <c r="S22" s="336"/>
      <c r="T22" s="336"/>
      <c r="U22" s="336"/>
      <c r="V22" s="336"/>
      <c r="W22" s="336"/>
      <c r="X22" s="336"/>
      <c r="Y22" s="336"/>
      <c r="Z22" s="336"/>
      <c r="AA22" s="336"/>
      <c r="AB22" s="336"/>
      <c r="AC22" s="336"/>
      <c r="AD22" s="336"/>
      <c r="AE22" s="336"/>
      <c r="AF22" s="336"/>
      <c r="AG22" s="336"/>
      <c r="AH22" s="336"/>
      <c r="AI22" s="336"/>
      <c r="AJ22" s="336"/>
    </row>
    <row r="23" spans="1:36" ht="62.25" customHeight="1">
      <c r="A23" s="330" t="s">
        <v>136</v>
      </c>
      <c r="B23" s="328"/>
      <c r="C23" s="328"/>
      <c r="D23" s="328"/>
      <c r="E23" s="328"/>
      <c r="F23" s="328"/>
      <c r="G23" s="328"/>
      <c r="H23" s="328"/>
      <c r="I23" s="328"/>
      <c r="J23" s="328"/>
      <c r="K23" s="328"/>
      <c r="L23" s="328"/>
      <c r="M23" s="328"/>
      <c r="N23" s="328"/>
      <c r="O23" s="328"/>
      <c r="P23" s="328"/>
      <c r="Q23" s="328"/>
      <c r="R23" s="328"/>
      <c r="S23" s="328"/>
      <c r="T23" s="328"/>
      <c r="U23" s="328"/>
      <c r="V23" s="328"/>
      <c r="W23" s="328"/>
      <c r="X23" s="328"/>
      <c r="Y23" s="328"/>
      <c r="Z23" s="328"/>
      <c r="AA23" s="328"/>
      <c r="AB23" s="328"/>
      <c r="AC23" s="337"/>
      <c r="AD23" s="328"/>
      <c r="AE23" s="328"/>
      <c r="AF23" s="328"/>
      <c r="AG23" s="328"/>
      <c r="AH23" s="328"/>
      <c r="AI23" s="328"/>
      <c r="AJ23" s="328"/>
    </row>
    <row r="24" spans="1:36" ht="39.75" customHeight="1">
      <c r="A24" s="61"/>
      <c r="B24" s="334" t="s">
        <v>137</v>
      </c>
      <c r="C24" s="334"/>
      <c r="D24" s="334"/>
      <c r="E24" s="334"/>
      <c r="F24" s="334"/>
      <c r="G24" s="334"/>
      <c r="H24" s="334"/>
      <c r="I24" s="334" t="s">
        <v>138</v>
      </c>
      <c r="J24" s="334" t="s">
        <v>139</v>
      </c>
      <c r="K24" s="334"/>
      <c r="L24" s="334" t="s">
        <v>140</v>
      </c>
      <c r="M24" s="334"/>
      <c r="N24" s="334" t="s">
        <v>141</v>
      </c>
      <c r="O24" s="334"/>
      <c r="P24" s="334" t="s">
        <v>142</v>
      </c>
      <c r="Q24" s="334" t="s">
        <v>139</v>
      </c>
      <c r="R24" s="334"/>
      <c r="S24" s="334" t="s">
        <v>140</v>
      </c>
      <c r="T24" s="334"/>
      <c r="U24" s="334" t="s">
        <v>141</v>
      </c>
      <c r="V24" s="334"/>
      <c r="W24" s="334" t="s">
        <v>143</v>
      </c>
      <c r="X24" s="334" t="s">
        <v>139</v>
      </c>
      <c r="Y24" s="334"/>
      <c r="Z24" s="334" t="s">
        <v>140</v>
      </c>
      <c r="AA24" s="334"/>
      <c r="AB24" s="334" t="s">
        <v>141</v>
      </c>
      <c r="AC24" s="335"/>
      <c r="AD24" s="334" t="s">
        <v>144</v>
      </c>
      <c r="AE24" s="334" t="s">
        <v>139</v>
      </c>
      <c r="AF24" s="334"/>
      <c r="AG24" s="334" t="s">
        <v>140</v>
      </c>
      <c r="AH24" s="334"/>
      <c r="AI24" s="334" t="s">
        <v>141</v>
      </c>
      <c r="AJ24" s="334"/>
    </row>
    <row r="25" spans="1:36" ht="39.75" customHeight="1">
      <c r="A25" s="34" t="s">
        <v>114</v>
      </c>
      <c r="B25" s="62" t="s">
        <v>115</v>
      </c>
      <c r="C25" s="62" t="s">
        <v>300</v>
      </c>
      <c r="D25" s="89" t="s">
        <v>145</v>
      </c>
      <c r="E25" s="62" t="s">
        <v>301</v>
      </c>
      <c r="F25" s="89" t="s">
        <v>146</v>
      </c>
      <c r="G25" s="62" t="s">
        <v>302</v>
      </c>
      <c r="H25" s="89" t="s">
        <v>147</v>
      </c>
      <c r="I25" s="35" t="s">
        <v>115</v>
      </c>
      <c r="J25" s="35" t="s">
        <v>300</v>
      </c>
      <c r="K25" s="90" t="s">
        <v>145</v>
      </c>
      <c r="L25" s="35" t="s">
        <v>301</v>
      </c>
      <c r="M25" s="90" t="s">
        <v>146</v>
      </c>
      <c r="N25" s="35" t="s">
        <v>302</v>
      </c>
      <c r="O25" s="90" t="s">
        <v>147</v>
      </c>
      <c r="P25" s="62" t="s">
        <v>115</v>
      </c>
      <c r="Q25" s="62" t="s">
        <v>300</v>
      </c>
      <c r="R25" s="89" t="s">
        <v>145</v>
      </c>
      <c r="S25" s="62" t="s">
        <v>301</v>
      </c>
      <c r="T25" s="89" t="s">
        <v>146</v>
      </c>
      <c r="U25" s="62" t="s">
        <v>302</v>
      </c>
      <c r="V25" s="89" t="s">
        <v>147</v>
      </c>
      <c r="W25" s="35" t="s">
        <v>115</v>
      </c>
      <c r="X25" s="35" t="s">
        <v>300</v>
      </c>
      <c r="Y25" s="90" t="s">
        <v>145</v>
      </c>
      <c r="Z25" s="35" t="s">
        <v>301</v>
      </c>
      <c r="AA25" s="90" t="s">
        <v>146</v>
      </c>
      <c r="AB25" s="35" t="s">
        <v>302</v>
      </c>
      <c r="AC25" s="90" t="s">
        <v>147</v>
      </c>
      <c r="AD25" s="62" t="s">
        <v>115</v>
      </c>
      <c r="AE25" s="62" t="s">
        <v>300</v>
      </c>
      <c r="AF25" s="89" t="s">
        <v>145</v>
      </c>
      <c r="AG25" s="62" t="s">
        <v>301</v>
      </c>
      <c r="AH25" s="89" t="s">
        <v>146</v>
      </c>
      <c r="AI25" s="62" t="s">
        <v>302</v>
      </c>
      <c r="AJ25" s="89" t="s">
        <v>147</v>
      </c>
    </row>
    <row r="26" spans="1:36" ht="72">
      <c r="A26" s="38"/>
      <c r="B26" s="65" t="s">
        <v>118</v>
      </c>
      <c r="C26" s="65" t="s">
        <v>303</v>
      </c>
      <c r="D26" s="91" t="s">
        <v>148</v>
      </c>
      <c r="E26" s="65" t="s">
        <v>304</v>
      </c>
      <c r="F26" s="91" t="s">
        <v>148</v>
      </c>
      <c r="G26" s="65" t="s">
        <v>305</v>
      </c>
      <c r="H26" s="91" t="s">
        <v>148</v>
      </c>
      <c r="I26" s="39" t="s">
        <v>118</v>
      </c>
      <c r="J26" s="39" t="s">
        <v>303</v>
      </c>
      <c r="K26" s="92" t="s">
        <v>148</v>
      </c>
      <c r="L26" s="39" t="s">
        <v>304</v>
      </c>
      <c r="M26" s="92" t="s">
        <v>148</v>
      </c>
      <c r="N26" s="39" t="s">
        <v>305</v>
      </c>
      <c r="O26" s="92" t="s">
        <v>148</v>
      </c>
      <c r="P26" s="65" t="s">
        <v>118</v>
      </c>
      <c r="Q26" s="65" t="s">
        <v>303</v>
      </c>
      <c r="R26" s="91" t="s">
        <v>148</v>
      </c>
      <c r="S26" s="65" t="s">
        <v>304</v>
      </c>
      <c r="T26" s="91" t="s">
        <v>148</v>
      </c>
      <c r="U26" s="65" t="s">
        <v>305</v>
      </c>
      <c r="V26" s="91" t="s">
        <v>148</v>
      </c>
      <c r="W26" s="39" t="s">
        <v>118</v>
      </c>
      <c r="X26" s="39" t="s">
        <v>303</v>
      </c>
      <c r="Y26" s="92" t="s">
        <v>148</v>
      </c>
      <c r="Z26" s="39" t="s">
        <v>304</v>
      </c>
      <c r="AA26" s="92" t="s">
        <v>148</v>
      </c>
      <c r="AB26" s="39" t="s">
        <v>305</v>
      </c>
      <c r="AC26" s="92" t="s">
        <v>148</v>
      </c>
      <c r="AD26" s="65" t="s">
        <v>118</v>
      </c>
      <c r="AE26" s="65" t="s">
        <v>303</v>
      </c>
      <c r="AF26" s="91" t="s">
        <v>148</v>
      </c>
      <c r="AG26" s="65" t="s">
        <v>304</v>
      </c>
      <c r="AH26" s="91" t="s">
        <v>148</v>
      </c>
      <c r="AI26" s="65" t="s">
        <v>305</v>
      </c>
      <c r="AJ26" s="91" t="s">
        <v>148</v>
      </c>
    </row>
    <row r="27" spans="1:36">
      <c r="A27" s="42" t="s">
        <v>442</v>
      </c>
      <c r="B27" s="93">
        <v>13196</v>
      </c>
      <c r="C27" s="94">
        <v>5.3829607574766937E-2</v>
      </c>
      <c r="D27" s="95">
        <v>3.8545890231892919E-3</v>
      </c>
      <c r="E27" s="94">
        <v>7.4412749666165748E-2</v>
      </c>
      <c r="F27" s="95">
        <v>4.4807139691915654E-3</v>
      </c>
      <c r="G27" s="94">
        <v>0.87175764275906731</v>
      </c>
      <c r="H27" s="95">
        <v>5.7061783134320565E-3</v>
      </c>
      <c r="I27" s="93">
        <v>12505</v>
      </c>
      <c r="J27" s="94">
        <v>0.1259124756079584</v>
      </c>
      <c r="K27" s="95">
        <v>5.8161165202278388E-3</v>
      </c>
      <c r="L27" s="94">
        <v>0.16604663137442463</v>
      </c>
      <c r="M27" s="95">
        <v>6.5229266217047381E-3</v>
      </c>
      <c r="N27" s="94">
        <v>0.70804089301761697</v>
      </c>
      <c r="O27" s="95">
        <v>7.9682697649266689E-3</v>
      </c>
      <c r="P27" s="93">
        <v>13113</v>
      </c>
      <c r="Q27" s="94">
        <v>7.8547875587255039E-2</v>
      </c>
      <c r="R27" s="95">
        <v>4.607519065555097E-3</v>
      </c>
      <c r="S27" s="94">
        <v>9.6282686317427146E-2</v>
      </c>
      <c r="T27" s="95">
        <v>5.0509969798988872E-3</v>
      </c>
      <c r="U27" s="94">
        <v>0.82516943809531784</v>
      </c>
      <c r="V27" s="95">
        <v>6.5015377111313187E-3</v>
      </c>
      <c r="W27" s="93">
        <v>12897</v>
      </c>
      <c r="X27" s="94">
        <v>0.13892885780704581</v>
      </c>
      <c r="Y27" s="95">
        <v>5.9704464892764621E-3</v>
      </c>
      <c r="Z27" s="94">
        <v>0.14081701847408071</v>
      </c>
      <c r="AA27" s="95">
        <v>6.0042436201436988E-3</v>
      </c>
      <c r="AB27" s="94">
        <v>0.72025412371887354</v>
      </c>
      <c r="AC27" s="95">
        <v>7.7464285626550082E-3</v>
      </c>
      <c r="AD27" s="93">
        <v>13093</v>
      </c>
      <c r="AE27" s="94">
        <v>8.2872367615942133E-2</v>
      </c>
      <c r="AF27" s="95">
        <v>4.7249074933759846E-3</v>
      </c>
      <c r="AG27" s="94">
        <v>0.10716987060516442</v>
      </c>
      <c r="AH27" s="95">
        <v>5.3003519254895062E-3</v>
      </c>
      <c r="AI27" s="94">
        <v>0.80995776177889345</v>
      </c>
      <c r="AJ27" s="95">
        <v>6.7206173819764859E-3</v>
      </c>
    </row>
    <row r="28" spans="1:36">
      <c r="A28" s="46" t="s">
        <v>443</v>
      </c>
      <c r="B28" s="96">
        <v>1027</v>
      </c>
      <c r="C28" s="97">
        <v>4.9038762249174507E-2</v>
      </c>
      <c r="D28" s="98">
        <v>1.3402641435550896E-2</v>
      </c>
      <c r="E28" s="97">
        <v>8.1161224054705494E-2</v>
      </c>
      <c r="F28" s="98">
        <v>1.6820581840324384E-2</v>
      </c>
      <c r="G28" s="97">
        <v>0.86980001369612003</v>
      </c>
      <c r="H28" s="98">
        <v>2.0637789428107439E-2</v>
      </c>
      <c r="I28" s="96">
        <v>982</v>
      </c>
      <c r="J28" s="97">
        <v>0.12342560861626829</v>
      </c>
      <c r="K28" s="98">
        <v>2.0639876075773007E-2</v>
      </c>
      <c r="L28" s="97">
        <v>0.17653062310949405</v>
      </c>
      <c r="M28" s="98">
        <v>2.3867847746071254E-2</v>
      </c>
      <c r="N28" s="97">
        <v>0.70004376827423764</v>
      </c>
      <c r="O28" s="98">
        <v>2.8624900134400475E-2</v>
      </c>
      <c r="P28" s="96">
        <v>1023</v>
      </c>
      <c r="Q28" s="97">
        <v>7.9105935950816261E-2</v>
      </c>
      <c r="R28" s="98">
        <v>1.6662773249062998E-2</v>
      </c>
      <c r="S28" s="97">
        <v>9.2435981803241377E-2</v>
      </c>
      <c r="T28" s="98">
        <v>1.7850371974832975E-2</v>
      </c>
      <c r="U28" s="97">
        <v>0.82845808224594231</v>
      </c>
      <c r="V28" s="98">
        <v>2.312432499992104E-2</v>
      </c>
      <c r="W28" s="96">
        <v>1007</v>
      </c>
      <c r="X28" s="97">
        <v>0.15543235838180458</v>
      </c>
      <c r="Y28" s="98">
        <v>2.2413717736098321E-2</v>
      </c>
      <c r="Z28" s="97">
        <v>0.12240461154419457</v>
      </c>
      <c r="AA28" s="98">
        <v>2.0309106619247445E-2</v>
      </c>
      <c r="AB28" s="97">
        <v>0.72216303007400084</v>
      </c>
      <c r="AC28" s="98">
        <v>2.7638506458173197E-2</v>
      </c>
      <c r="AD28" s="96">
        <v>1020</v>
      </c>
      <c r="AE28" s="97">
        <v>7.5087580219842132E-2</v>
      </c>
      <c r="AF28" s="98">
        <v>1.6304150813352358E-2</v>
      </c>
      <c r="AG28" s="97">
        <v>0.11722587304880144</v>
      </c>
      <c r="AH28" s="98">
        <v>1.981192660780522E-2</v>
      </c>
      <c r="AI28" s="97">
        <v>0.80768654673135643</v>
      </c>
      <c r="AJ28" s="98">
        <v>2.4197018642798725E-2</v>
      </c>
    </row>
    <row r="29" spans="1:36">
      <c r="A29" s="50" t="s">
        <v>434</v>
      </c>
      <c r="B29" s="80">
        <v>276</v>
      </c>
      <c r="C29" s="99">
        <v>4.6327575149433455E-2</v>
      </c>
      <c r="D29" s="95">
        <v>2.619680297983714E-2</v>
      </c>
      <c r="E29" s="99">
        <v>8.4760111758490866E-2</v>
      </c>
      <c r="F29" s="95">
        <v>3.3637002602191636E-2</v>
      </c>
      <c r="G29" s="99">
        <v>0.86891231309207573</v>
      </c>
      <c r="H29" s="95">
        <v>4.0196113169485584E-2</v>
      </c>
      <c r="I29" s="80">
        <v>265</v>
      </c>
      <c r="J29" s="99">
        <v>7.7282687137250214E-2</v>
      </c>
      <c r="K29" s="95">
        <v>3.3071288247764105E-2</v>
      </c>
      <c r="L29" s="99">
        <v>0.13159923651788333</v>
      </c>
      <c r="M29" s="95">
        <v>4.1100647960972882E-2</v>
      </c>
      <c r="N29" s="99">
        <v>0.79111807634486642</v>
      </c>
      <c r="O29" s="95">
        <v>4.8945609249852813E-2</v>
      </c>
      <c r="P29" s="80">
        <v>276</v>
      </c>
      <c r="Q29" s="99">
        <v>5.8440835632031812E-2</v>
      </c>
      <c r="R29" s="95">
        <v>2.8824191117146201E-2</v>
      </c>
      <c r="S29" s="99">
        <v>6.5428113113852368E-2</v>
      </c>
      <c r="T29" s="95">
        <v>3.0206656473022397E-2</v>
      </c>
      <c r="U29" s="99">
        <v>0.87613105125411583</v>
      </c>
      <c r="V29" s="95">
        <v>3.9294157742229316E-2</v>
      </c>
      <c r="W29" s="80">
        <v>271</v>
      </c>
      <c r="X29" s="99">
        <v>0.178624890341571</v>
      </c>
      <c r="Y29" s="95">
        <v>4.5730054378269484E-2</v>
      </c>
      <c r="Z29" s="99">
        <v>0.11267695751425116</v>
      </c>
      <c r="AA29" s="95">
        <v>3.8173290437216081E-2</v>
      </c>
      <c r="AB29" s="99">
        <v>0.70869815214417786</v>
      </c>
      <c r="AC29" s="95">
        <v>5.3865540743635414E-2</v>
      </c>
      <c r="AD29" s="80">
        <v>275</v>
      </c>
      <c r="AE29" s="99">
        <v>6.7558839681366181E-2</v>
      </c>
      <c r="AF29" s="95">
        <v>3.0670630400573332E-2</v>
      </c>
      <c r="AG29" s="99">
        <v>0.13595317552693806</v>
      </c>
      <c r="AH29" s="95">
        <v>4.0858458175806842E-2</v>
      </c>
      <c r="AI29" s="99">
        <v>0.79648798479169569</v>
      </c>
      <c r="AJ29" s="95">
        <v>4.7606410054191389E-2</v>
      </c>
    </row>
    <row r="30" spans="1:36" ht="25.5">
      <c r="A30" s="46" t="s">
        <v>438</v>
      </c>
      <c r="B30" s="96">
        <v>59</v>
      </c>
      <c r="C30" s="97">
        <v>4.5898170580913729E-2</v>
      </c>
      <c r="D30" s="98">
        <v>6.4933321087431453E-2</v>
      </c>
      <c r="E30" s="97">
        <v>0.11271432317783107</v>
      </c>
      <c r="F30" s="98">
        <v>8.4987711942492355E-2</v>
      </c>
      <c r="G30" s="97">
        <v>0.84138750624125525</v>
      </c>
      <c r="H30" s="98">
        <v>9.4929184740591588E-2</v>
      </c>
      <c r="I30" s="96">
        <v>57</v>
      </c>
      <c r="J30" s="97">
        <v>7.8694385572057657E-2</v>
      </c>
      <c r="K30" s="98">
        <v>7.7355540763821298E-2</v>
      </c>
      <c r="L30" s="97">
        <v>6.0208723984969847E-2</v>
      </c>
      <c r="M30" s="98">
        <v>7.1474294467983604E-2</v>
      </c>
      <c r="N30" s="97">
        <v>0.86109689044297244</v>
      </c>
      <c r="O30" s="98">
        <v>9.2597251017037585E-2</v>
      </c>
      <c r="P30" s="96">
        <v>59</v>
      </c>
      <c r="Q30" s="97">
        <v>4.4449510873993084E-2</v>
      </c>
      <c r="R30" s="98">
        <v>6.4388360636542574E-2</v>
      </c>
      <c r="S30" s="97">
        <v>0.11488731273821202</v>
      </c>
      <c r="T30" s="98">
        <v>8.5514170663245723E-2</v>
      </c>
      <c r="U30" s="97">
        <v>0.84066317638779486</v>
      </c>
      <c r="V30" s="98">
        <v>9.506824397278664E-2</v>
      </c>
      <c r="W30" s="96">
        <v>59</v>
      </c>
      <c r="X30" s="97">
        <v>7.2759670303525203E-2</v>
      </c>
      <c r="Y30" s="98">
        <v>7.4043500779341007E-2</v>
      </c>
      <c r="Z30" s="97">
        <v>9.2525721485313683E-3</v>
      </c>
      <c r="AA30" s="98">
        <v>4.8627163954235546E-2</v>
      </c>
      <c r="AB30" s="97">
        <v>0.91798775754794348</v>
      </c>
      <c r="AC30" s="98">
        <v>7.6815917375382264E-2</v>
      </c>
      <c r="AD30" s="96">
        <v>58</v>
      </c>
      <c r="AE30" s="97">
        <v>7.3537265393651963E-2</v>
      </c>
      <c r="AF30" s="98">
        <v>7.5023624647682918E-2</v>
      </c>
      <c r="AG30" s="97">
        <v>8.7576826198519864E-2</v>
      </c>
      <c r="AH30" s="98">
        <v>7.9165488064280046E-2</v>
      </c>
      <c r="AI30" s="97">
        <v>0.83888590840782817</v>
      </c>
      <c r="AJ30" s="98">
        <v>9.6244575794950216E-2</v>
      </c>
    </row>
    <row r="31" spans="1:36" ht="38.25">
      <c r="A31" s="54" t="s">
        <v>454</v>
      </c>
      <c r="B31" s="93">
        <v>69</v>
      </c>
      <c r="C31" s="94">
        <v>5.5808416804651959E-3</v>
      </c>
      <c r="D31" s="95">
        <v>4.078226318208749E-2</v>
      </c>
      <c r="E31" s="94">
        <v>2.0207276261931442E-2</v>
      </c>
      <c r="F31" s="95">
        <v>4.8302479116557613E-2</v>
      </c>
      <c r="G31" s="94">
        <v>0.97421188205760334</v>
      </c>
      <c r="H31" s="95">
        <v>5.0827624331043021E-2</v>
      </c>
      <c r="I31" s="93">
        <v>67</v>
      </c>
      <c r="J31" s="94">
        <v>5.2232794841405132E-3</v>
      </c>
      <c r="K31" s="95">
        <v>4.1612054255515132E-2</v>
      </c>
      <c r="L31" s="94">
        <v>0.18241116751056033</v>
      </c>
      <c r="M31" s="95">
        <v>9.3096587169471876E-2</v>
      </c>
      <c r="N31" s="94">
        <v>0.81236555300529911</v>
      </c>
      <c r="O31" s="95">
        <v>9.3944210154359928E-2</v>
      </c>
      <c r="P31" s="93">
        <v>69</v>
      </c>
      <c r="Q31" s="94">
        <v>4.707837604695269E-2</v>
      </c>
      <c r="R31" s="95">
        <v>5.9257772979943106E-2</v>
      </c>
      <c r="S31" s="94">
        <v>5.6512675350108475E-2</v>
      </c>
      <c r="T31" s="95">
        <v>6.2522747170770734E-2</v>
      </c>
      <c r="U31" s="94">
        <v>0.89640894860293885</v>
      </c>
      <c r="V31" s="95">
        <v>7.5948235670320621E-2</v>
      </c>
      <c r="W31" s="93">
        <v>67</v>
      </c>
      <c r="X31" s="94">
        <v>8.4462649603312553E-2</v>
      </c>
      <c r="Y31" s="95">
        <v>7.2160075525775969E-2</v>
      </c>
      <c r="Z31" s="94">
        <v>0.19129666159629927</v>
      </c>
      <c r="AA31" s="95">
        <v>9.4525681459251928E-2</v>
      </c>
      <c r="AB31" s="94">
        <v>0.72424068880038817</v>
      </c>
      <c r="AC31" s="95">
        <v>0.10537538546977322</v>
      </c>
      <c r="AD31" s="93">
        <v>68</v>
      </c>
      <c r="AE31" s="100">
        <v>5.5846330500940239E-3</v>
      </c>
      <c r="AF31" s="95">
        <v>4.129440648783668E-2</v>
      </c>
      <c r="AG31" s="94">
        <v>5.7918438829270648E-2</v>
      </c>
      <c r="AH31" s="95">
        <v>6.3543098224016978E-2</v>
      </c>
      <c r="AI31" s="94">
        <v>0.93649692812063534</v>
      </c>
      <c r="AJ31" s="95">
        <v>6.5354697738536277E-2</v>
      </c>
    </row>
    <row r="32" spans="1:36" ht="25.5">
      <c r="A32" s="46" t="s">
        <v>444</v>
      </c>
      <c r="B32" s="96">
        <v>113</v>
      </c>
      <c r="C32" s="97">
        <v>5.4619513633807487E-2</v>
      </c>
      <c r="D32" s="98">
        <v>4.6186165300907606E-2</v>
      </c>
      <c r="E32" s="97">
        <v>8.7635027697779436E-2</v>
      </c>
      <c r="F32" s="98">
        <v>5.4776810688773603E-2</v>
      </c>
      <c r="G32" s="97">
        <v>0.85774545866841312</v>
      </c>
      <c r="H32" s="98">
        <v>6.5488815566845812E-2</v>
      </c>
      <c r="I32" s="96">
        <v>107</v>
      </c>
      <c r="J32" s="97">
        <v>9.0337799461617088E-2</v>
      </c>
      <c r="K32" s="98">
        <v>5.7053714655407414E-2</v>
      </c>
      <c r="L32" s="97">
        <v>0.14697988408499568</v>
      </c>
      <c r="M32" s="98">
        <v>6.8149972700830647E-2</v>
      </c>
      <c r="N32" s="97">
        <v>0.76268231645338724</v>
      </c>
      <c r="O32" s="98">
        <v>8.0207075266400793E-2</v>
      </c>
      <c r="P32" s="96">
        <v>113</v>
      </c>
      <c r="Q32" s="97">
        <v>6.7848230061257883E-2</v>
      </c>
      <c r="R32" s="98">
        <v>4.9886921669350742E-2</v>
      </c>
      <c r="S32" s="97">
        <v>4.7393957558845533E-2</v>
      </c>
      <c r="T32" s="98">
        <v>4.3982233329372969E-2</v>
      </c>
      <c r="U32" s="97">
        <v>0.88475781237989659</v>
      </c>
      <c r="V32" s="98">
        <v>6.061762668053039E-2</v>
      </c>
      <c r="W32" s="96">
        <v>111</v>
      </c>
      <c r="X32" s="97">
        <v>0.23838984942363628</v>
      </c>
      <c r="Y32" s="98">
        <v>7.887542711776388E-2</v>
      </c>
      <c r="Z32" s="97">
        <v>0.14273325402875581</v>
      </c>
      <c r="AA32" s="98">
        <v>6.6173511808821736E-2</v>
      </c>
      <c r="AB32" s="97">
        <v>0.61887689654760791</v>
      </c>
      <c r="AC32" s="98">
        <v>8.8946613325574395E-2</v>
      </c>
      <c r="AD32" s="96">
        <v>114</v>
      </c>
      <c r="AE32" s="97">
        <v>7.7850383252755923E-2</v>
      </c>
      <c r="AF32" s="98">
        <v>5.2190577261242252E-2</v>
      </c>
      <c r="AG32" s="97">
        <v>0.16272749165515907</v>
      </c>
      <c r="AH32" s="98">
        <v>6.8428604539348376E-2</v>
      </c>
      <c r="AI32" s="97">
        <v>0.75942212509208507</v>
      </c>
      <c r="AJ32" s="98">
        <v>7.8064072149366379E-2</v>
      </c>
    </row>
    <row r="33" spans="1:37">
      <c r="A33" s="54" t="s">
        <v>445</v>
      </c>
      <c r="B33" s="93">
        <v>238</v>
      </c>
      <c r="C33" s="94">
        <v>3.3187377450281524E-2</v>
      </c>
      <c r="D33" s="95">
        <v>2.4955064824202112E-2</v>
      </c>
      <c r="E33" s="94">
        <v>8.7032119629577132E-2</v>
      </c>
      <c r="F33" s="95">
        <v>3.6743645221735649E-2</v>
      </c>
      <c r="G33" s="94">
        <v>0.87978050292014132</v>
      </c>
      <c r="H33" s="95">
        <v>4.1881333135293811E-2</v>
      </c>
      <c r="I33" s="93">
        <v>235</v>
      </c>
      <c r="J33" s="94">
        <v>4.9565281057640069E-2</v>
      </c>
      <c r="K33" s="95">
        <v>2.9418603936672949E-2</v>
      </c>
      <c r="L33" s="94">
        <v>6.2858546287933262E-2</v>
      </c>
      <c r="M33" s="95">
        <v>3.2385316329104054E-2</v>
      </c>
      <c r="N33" s="94">
        <v>0.88757617265442679</v>
      </c>
      <c r="O33" s="95">
        <v>4.1037147929533176E-2</v>
      </c>
      <c r="P33" s="93">
        <v>238</v>
      </c>
      <c r="Q33" s="94">
        <v>2.4814627540001629E-2</v>
      </c>
      <c r="R33" s="95">
        <v>2.2397699827672726E-2</v>
      </c>
      <c r="S33" s="94">
        <v>6.2692103045273853E-2</v>
      </c>
      <c r="T33" s="95">
        <v>3.212996161378695E-2</v>
      </c>
      <c r="U33" s="94">
        <v>0.91249326941472453</v>
      </c>
      <c r="V33" s="95">
        <v>3.6825408667375679E-2</v>
      </c>
      <c r="W33" s="93">
        <v>234</v>
      </c>
      <c r="X33" s="94">
        <v>4.4650887573813365E-2</v>
      </c>
      <c r="Y33" s="95">
        <v>2.8285824209157154E-2</v>
      </c>
      <c r="Z33" s="94">
        <v>0.12321986020590012</v>
      </c>
      <c r="AA33" s="95">
        <v>4.266399276276351E-2</v>
      </c>
      <c r="AB33" s="94">
        <v>0.83212925222028644</v>
      </c>
      <c r="AC33" s="95">
        <v>4.8105200857970175E-2</v>
      </c>
      <c r="AD33" s="93">
        <v>239</v>
      </c>
      <c r="AE33" s="94">
        <v>4.3662635223305789E-2</v>
      </c>
      <c r="AF33" s="95">
        <v>2.7705905983525181E-2</v>
      </c>
      <c r="AG33" s="94">
        <v>8.7405455714169258E-2</v>
      </c>
      <c r="AH33" s="95">
        <v>3.6727268289250915E-2</v>
      </c>
      <c r="AI33" s="94">
        <v>0.86893190906252493</v>
      </c>
      <c r="AJ33" s="95">
        <v>4.3252037017690412E-2</v>
      </c>
    </row>
    <row r="34" spans="1:37">
      <c r="A34" s="46" t="s">
        <v>446</v>
      </c>
      <c r="B34" s="96">
        <v>122</v>
      </c>
      <c r="C34" s="97">
        <v>4.616374956583065E-2</v>
      </c>
      <c r="D34" s="98">
        <v>4.1652012402512567E-2</v>
      </c>
      <c r="E34" s="97">
        <v>4.9491767497225211E-2</v>
      </c>
      <c r="F34" s="98">
        <v>4.2672217144795223E-2</v>
      </c>
      <c r="G34" s="97">
        <v>0.90434448293694414</v>
      </c>
      <c r="H34" s="98">
        <v>5.4304024283734272E-2</v>
      </c>
      <c r="I34" s="96">
        <v>123</v>
      </c>
      <c r="J34" s="97">
        <v>4.8795949792631362E-2</v>
      </c>
      <c r="K34" s="98">
        <v>4.2258795046211439E-2</v>
      </c>
      <c r="L34" s="97">
        <v>6.2164696629440817E-2</v>
      </c>
      <c r="M34" s="98">
        <v>4.6076384239634699E-2</v>
      </c>
      <c r="N34" s="97">
        <v>0.88903935357792785</v>
      </c>
      <c r="O34" s="98">
        <v>5.7165080842685422E-2</v>
      </c>
      <c r="P34" s="96">
        <v>123</v>
      </c>
      <c r="Q34" s="97">
        <v>3.3210748453665125E-2</v>
      </c>
      <c r="R34" s="98">
        <v>3.7146528207103284E-2</v>
      </c>
      <c r="S34" s="97">
        <v>8.1133947148638225E-2</v>
      </c>
      <c r="T34" s="98">
        <v>5.0834325280263055E-2</v>
      </c>
      <c r="U34" s="97">
        <v>0.88565530439769669</v>
      </c>
      <c r="V34" s="98">
        <v>5.7812025388655999E-2</v>
      </c>
      <c r="W34" s="96">
        <v>121</v>
      </c>
      <c r="X34" s="97">
        <v>5.4550574173198078E-2</v>
      </c>
      <c r="Y34" s="98">
        <v>4.4374273208271829E-2</v>
      </c>
      <c r="Z34" s="97">
        <v>0.11385616613343698</v>
      </c>
      <c r="AA34" s="98">
        <v>5.8217769057855549E-2</v>
      </c>
      <c r="AB34" s="97">
        <v>0.83159325969336495</v>
      </c>
      <c r="AC34" s="98">
        <v>6.7207226250944316E-2</v>
      </c>
      <c r="AD34" s="96">
        <v>124</v>
      </c>
      <c r="AE34" s="97">
        <v>4.9567185492455444E-2</v>
      </c>
      <c r="AF34" s="98">
        <v>4.2290985904773551E-2</v>
      </c>
      <c r="AG34" s="97">
        <v>8.7994395072974019E-2</v>
      </c>
      <c r="AH34" s="98">
        <v>5.2172604756956724E-2</v>
      </c>
      <c r="AI34" s="97">
        <v>0.86243841943457056</v>
      </c>
      <c r="AJ34" s="98">
        <v>6.167001132097142E-2</v>
      </c>
    </row>
    <row r="35" spans="1:37">
      <c r="A35" s="54" t="s">
        <v>447</v>
      </c>
      <c r="B35" s="93">
        <v>116</v>
      </c>
      <c r="C35" s="94">
        <v>1.3229744521553009E-2</v>
      </c>
      <c r="D35" s="95">
        <v>3.025211901957291E-2</v>
      </c>
      <c r="E35" s="94">
        <v>0.14476910198498685</v>
      </c>
      <c r="F35" s="95">
        <v>6.5026378216490544E-2</v>
      </c>
      <c r="G35" s="94">
        <v>0.84200115349346016</v>
      </c>
      <c r="H35" s="95">
        <v>6.7114595477609396E-2</v>
      </c>
      <c r="I35" s="93">
        <v>112</v>
      </c>
      <c r="J35" s="94">
        <v>5.0838565279536653E-2</v>
      </c>
      <c r="K35" s="95">
        <v>4.5286558819611369E-2</v>
      </c>
      <c r="L35" s="94">
        <v>6.4006904430529671E-2</v>
      </c>
      <c r="M35" s="95">
        <v>4.9099131770415486E-2</v>
      </c>
      <c r="N35" s="94">
        <v>0.88515453028993374</v>
      </c>
      <c r="O35" s="95">
        <v>6.0823797128747949E-2</v>
      </c>
      <c r="P35" s="93">
        <v>115</v>
      </c>
      <c r="Q35" s="100">
        <v>1.1875970021015895E-2</v>
      </c>
      <c r="R35" s="95">
        <v>2.9786464524688652E-2</v>
      </c>
      <c r="S35" s="94">
        <v>3.4272704691487681E-2</v>
      </c>
      <c r="T35" s="95">
        <v>3.9131858797398632E-2</v>
      </c>
      <c r="U35" s="94">
        <v>0.95385132528749639</v>
      </c>
      <c r="V35" s="95">
        <v>4.3134112964330673E-2</v>
      </c>
      <c r="W35" s="93">
        <v>113</v>
      </c>
      <c r="X35" s="94">
        <v>2.9080404476474173E-2</v>
      </c>
      <c r="Y35" s="95">
        <v>3.7635528015747377E-2</v>
      </c>
      <c r="Z35" s="94">
        <v>0.13794732039570087</v>
      </c>
      <c r="AA35" s="95">
        <v>6.4759784140729013E-2</v>
      </c>
      <c r="AB35" s="94">
        <v>0.8329722751278249</v>
      </c>
      <c r="AC35" s="95">
        <v>6.9374782745571989E-2</v>
      </c>
      <c r="AD35" s="93">
        <v>115</v>
      </c>
      <c r="AE35" s="94">
        <v>3.4274022554482586E-2</v>
      </c>
      <c r="AF35" s="95">
        <v>3.9132331660229829E-2</v>
      </c>
      <c r="AG35" s="94">
        <v>8.6469004456546344E-2</v>
      </c>
      <c r="AH35" s="95">
        <v>5.3990206839709454E-2</v>
      </c>
      <c r="AI35" s="94">
        <v>0.8792569729889711</v>
      </c>
      <c r="AJ35" s="95">
        <v>6.1107616407352405E-2</v>
      </c>
    </row>
    <row r="41" spans="1:37" ht="21" customHeight="1">
      <c r="A41" s="327" t="s">
        <v>39</v>
      </c>
      <c r="B41" s="327"/>
      <c r="C41" s="327"/>
      <c r="D41" s="327"/>
      <c r="E41" s="327"/>
      <c r="F41" s="327"/>
      <c r="G41" s="327"/>
      <c r="H41" s="327"/>
      <c r="I41" s="327"/>
      <c r="J41" s="327"/>
      <c r="K41" s="327"/>
      <c r="L41" s="327"/>
      <c r="M41" s="327"/>
      <c r="N41" s="327"/>
      <c r="O41" s="327"/>
      <c r="P41" s="327"/>
      <c r="Q41" s="327"/>
      <c r="R41" s="327"/>
      <c r="S41" s="327"/>
      <c r="T41" s="327"/>
      <c r="U41" s="327"/>
      <c r="V41" s="327"/>
      <c r="W41" s="327"/>
      <c r="X41" s="327"/>
      <c r="Y41" s="327"/>
      <c r="Z41" s="327"/>
      <c r="AA41" s="327"/>
      <c r="AB41" s="327"/>
      <c r="AC41" s="327"/>
      <c r="AD41" s="327"/>
      <c r="AE41" s="327"/>
      <c r="AF41" s="327"/>
      <c r="AG41" s="327"/>
      <c r="AH41" s="327"/>
      <c r="AI41" s="327"/>
      <c r="AJ41" s="327"/>
      <c r="AK41" s="327"/>
    </row>
    <row r="42" spans="1:37" ht="57" customHeight="1">
      <c r="A42" s="333" t="s">
        <v>149</v>
      </c>
      <c r="B42" s="333"/>
      <c r="C42" s="333"/>
      <c r="D42" s="333"/>
      <c r="E42" s="333"/>
      <c r="F42" s="333"/>
      <c r="G42" s="333"/>
      <c r="H42" s="333"/>
      <c r="I42" s="333"/>
      <c r="J42" s="333"/>
      <c r="K42" s="333"/>
      <c r="L42" s="333"/>
      <c r="M42" s="333"/>
      <c r="N42" s="333"/>
      <c r="O42" s="333"/>
      <c r="P42" s="333"/>
      <c r="Q42" s="333"/>
      <c r="R42" s="333"/>
      <c r="S42" s="333"/>
      <c r="T42" s="333"/>
      <c r="U42" s="333"/>
      <c r="V42" s="333"/>
      <c r="W42" s="333"/>
      <c r="X42" s="333"/>
      <c r="Y42" s="333"/>
      <c r="Z42" s="333"/>
      <c r="AA42" s="333"/>
      <c r="AB42" s="333"/>
      <c r="AC42" s="333"/>
      <c r="AD42" s="333"/>
      <c r="AE42" s="333"/>
      <c r="AF42" s="333"/>
      <c r="AG42" s="333"/>
      <c r="AH42" s="333"/>
      <c r="AI42" s="333"/>
      <c r="AJ42" s="333"/>
      <c r="AK42" s="333"/>
    </row>
    <row r="43" spans="1:37" ht="37.5" customHeight="1">
      <c r="A43" s="61"/>
      <c r="B43" s="331" t="s">
        <v>150</v>
      </c>
      <c r="C43" s="331"/>
      <c r="D43" s="331"/>
      <c r="E43" s="331"/>
      <c r="F43" s="331"/>
      <c r="G43" s="331"/>
      <c r="H43" s="331"/>
      <c r="I43" s="331"/>
      <c r="J43" s="331"/>
      <c r="K43" s="331" t="s">
        <v>151</v>
      </c>
      <c r="L43" s="331"/>
      <c r="M43" s="331"/>
      <c r="N43" s="331"/>
      <c r="O43" s="331"/>
      <c r="P43" s="331"/>
      <c r="Q43" s="331"/>
      <c r="R43" s="331"/>
      <c r="S43" s="331"/>
      <c r="T43" s="331" t="s">
        <v>152</v>
      </c>
      <c r="U43" s="331"/>
      <c r="V43" s="331"/>
      <c r="W43" s="331"/>
      <c r="X43" s="331"/>
      <c r="Y43" s="331"/>
      <c r="Z43" s="331"/>
      <c r="AA43" s="331"/>
      <c r="AB43" s="331"/>
      <c r="AC43" s="331" t="s">
        <v>153</v>
      </c>
      <c r="AD43" s="331"/>
      <c r="AE43" s="331"/>
      <c r="AF43" s="331"/>
      <c r="AG43" s="331"/>
      <c r="AH43" s="331"/>
      <c r="AI43" s="331"/>
      <c r="AJ43" s="331"/>
      <c r="AK43" s="331"/>
    </row>
    <row r="44" spans="1:37" ht="51" customHeight="1">
      <c r="A44" s="34" t="s">
        <v>114</v>
      </c>
      <c r="B44" s="35" t="s">
        <v>115</v>
      </c>
      <c r="C44" s="36" t="s">
        <v>116</v>
      </c>
      <c r="D44" s="37" t="s">
        <v>117</v>
      </c>
      <c r="E44" s="62" t="s">
        <v>306</v>
      </c>
      <c r="F44" s="89" t="s">
        <v>154</v>
      </c>
      <c r="G44" s="62" t="s">
        <v>307</v>
      </c>
      <c r="H44" s="89" t="s">
        <v>155</v>
      </c>
      <c r="I44" s="62" t="s">
        <v>308</v>
      </c>
      <c r="J44" s="89" t="s">
        <v>156</v>
      </c>
      <c r="K44" s="35" t="s">
        <v>115</v>
      </c>
      <c r="L44" s="36" t="s">
        <v>116</v>
      </c>
      <c r="M44" s="37" t="s">
        <v>117</v>
      </c>
      <c r="N44" s="62" t="s">
        <v>309</v>
      </c>
      <c r="O44" s="89" t="s">
        <v>157</v>
      </c>
      <c r="P44" s="62" t="s">
        <v>310</v>
      </c>
      <c r="Q44" s="89" t="s">
        <v>158</v>
      </c>
      <c r="R44" s="62" t="s">
        <v>311</v>
      </c>
      <c r="S44" s="89" t="s">
        <v>159</v>
      </c>
      <c r="T44" s="35" t="s">
        <v>115</v>
      </c>
      <c r="U44" s="36" t="s">
        <v>116</v>
      </c>
      <c r="V44" s="37" t="s">
        <v>117</v>
      </c>
      <c r="W44" s="62" t="s">
        <v>312</v>
      </c>
      <c r="X44" s="89" t="s">
        <v>160</v>
      </c>
      <c r="Y44" s="62" t="s">
        <v>313</v>
      </c>
      <c r="Z44" s="89" t="s">
        <v>161</v>
      </c>
      <c r="AA44" s="62" t="s">
        <v>314</v>
      </c>
      <c r="AB44" s="89" t="s">
        <v>162</v>
      </c>
      <c r="AC44" s="35" t="s">
        <v>115</v>
      </c>
      <c r="AD44" s="36" t="s">
        <v>116</v>
      </c>
      <c r="AE44" s="37" t="s">
        <v>117</v>
      </c>
      <c r="AF44" s="62" t="s">
        <v>315</v>
      </c>
      <c r="AG44" s="89" t="s">
        <v>163</v>
      </c>
      <c r="AH44" s="62" t="s">
        <v>316</v>
      </c>
      <c r="AI44" s="89" t="s">
        <v>164</v>
      </c>
      <c r="AJ44" s="62" t="s">
        <v>317</v>
      </c>
      <c r="AK44" s="89" t="s">
        <v>165</v>
      </c>
    </row>
    <row r="45" spans="1:37" ht="72">
      <c r="A45" s="38"/>
      <c r="B45" s="39" t="s">
        <v>118</v>
      </c>
      <c r="C45" s="40" t="s">
        <v>166</v>
      </c>
      <c r="D45" s="41" t="s">
        <v>120</v>
      </c>
      <c r="E45" s="65" t="s">
        <v>303</v>
      </c>
      <c r="F45" s="91" t="s">
        <v>148</v>
      </c>
      <c r="G45" s="65" t="s">
        <v>304</v>
      </c>
      <c r="H45" s="91" t="s">
        <v>148</v>
      </c>
      <c r="I45" s="65" t="s">
        <v>305</v>
      </c>
      <c r="J45" s="91" t="s">
        <v>148</v>
      </c>
      <c r="K45" s="39" t="s">
        <v>118</v>
      </c>
      <c r="L45" s="40" t="s">
        <v>166</v>
      </c>
      <c r="M45" s="41" t="s">
        <v>120</v>
      </c>
      <c r="N45" s="65" t="s">
        <v>303</v>
      </c>
      <c r="O45" s="91" t="s">
        <v>148</v>
      </c>
      <c r="P45" s="65" t="s">
        <v>304</v>
      </c>
      <c r="Q45" s="91" t="s">
        <v>148</v>
      </c>
      <c r="R45" s="65" t="s">
        <v>305</v>
      </c>
      <c r="S45" s="91" t="s">
        <v>148</v>
      </c>
      <c r="T45" s="39" t="s">
        <v>118</v>
      </c>
      <c r="U45" s="40" t="s">
        <v>166</v>
      </c>
      <c r="V45" s="41" t="s">
        <v>120</v>
      </c>
      <c r="W45" s="65" t="s">
        <v>303</v>
      </c>
      <c r="X45" s="91" t="s">
        <v>148</v>
      </c>
      <c r="Y45" s="65" t="s">
        <v>304</v>
      </c>
      <c r="Z45" s="91" t="s">
        <v>148</v>
      </c>
      <c r="AA45" s="65" t="s">
        <v>305</v>
      </c>
      <c r="AB45" s="91" t="s">
        <v>148</v>
      </c>
      <c r="AC45" s="39" t="s">
        <v>118</v>
      </c>
      <c r="AD45" s="40" t="s">
        <v>166</v>
      </c>
      <c r="AE45" s="41" t="s">
        <v>120</v>
      </c>
      <c r="AF45" s="65" t="s">
        <v>303</v>
      </c>
      <c r="AG45" s="91" t="s">
        <v>148</v>
      </c>
      <c r="AH45" s="65" t="s">
        <v>304</v>
      </c>
      <c r="AI45" s="91" t="s">
        <v>148</v>
      </c>
      <c r="AJ45" s="65" t="s">
        <v>305</v>
      </c>
      <c r="AK45" s="91" t="s">
        <v>148</v>
      </c>
    </row>
    <row r="46" spans="1:37">
      <c r="A46" s="42" t="s">
        <v>442</v>
      </c>
      <c r="B46" s="101">
        <v>12912</v>
      </c>
      <c r="C46" s="102">
        <v>4.6728331768312366</v>
      </c>
      <c r="D46" s="103">
        <v>4.6635506950834404E-2</v>
      </c>
      <c r="E46" s="104">
        <v>0.20229240684951083</v>
      </c>
      <c r="F46" s="95">
        <v>6.9291115627588551E-3</v>
      </c>
      <c r="G46" s="104">
        <v>0.23467965841125618</v>
      </c>
      <c r="H46" s="95">
        <v>7.3097766314780118E-3</v>
      </c>
      <c r="I46" s="104">
        <v>0.56302793473923296</v>
      </c>
      <c r="J46" s="95">
        <v>8.5543306533473109E-3</v>
      </c>
      <c r="K46" s="101">
        <v>13048</v>
      </c>
      <c r="L46" s="102">
        <v>4.9708498785165478</v>
      </c>
      <c r="M46" s="103">
        <v>4.035666651789338E-2</v>
      </c>
      <c r="N46" s="104">
        <v>0.12215338956206258</v>
      </c>
      <c r="O46" s="95">
        <v>5.6202640912948344E-3</v>
      </c>
      <c r="P46" s="104">
        <v>0.22798362448277359</v>
      </c>
      <c r="Q46" s="95">
        <v>7.198442826195835E-3</v>
      </c>
      <c r="R46" s="104">
        <v>0.64986298595516379</v>
      </c>
      <c r="S46" s="95">
        <v>8.1839051271273711E-3</v>
      </c>
      <c r="T46" s="101">
        <v>12244</v>
      </c>
      <c r="U46" s="102">
        <v>4.2142447960169704</v>
      </c>
      <c r="V46" s="103">
        <v>4.7843067177924858E-2</v>
      </c>
      <c r="W46" s="104">
        <v>0.30880084687872184</v>
      </c>
      <c r="X46" s="95">
        <v>8.0600769107167028E-3</v>
      </c>
      <c r="Y46" s="104">
        <v>0.24243354262826453</v>
      </c>
      <c r="Z46" s="95">
        <v>7.4770657482799516E-3</v>
      </c>
      <c r="AA46" s="104">
        <v>0.44876561049301367</v>
      </c>
      <c r="AB46" s="95">
        <v>8.6766919063489441E-3</v>
      </c>
      <c r="AC46" s="101">
        <v>12674</v>
      </c>
      <c r="AD46" s="102">
        <v>5.142952801055749</v>
      </c>
      <c r="AE46" s="103">
        <v>4.1919704569256311E-2</v>
      </c>
      <c r="AF46" s="104">
        <v>0.11153950901931568</v>
      </c>
      <c r="AG46" s="95">
        <v>5.3980585808139281E-3</v>
      </c>
      <c r="AH46" s="104">
        <v>0.20421495557018712</v>
      </c>
      <c r="AI46" s="95">
        <v>6.9105905466342096E-3</v>
      </c>
      <c r="AJ46" s="104">
        <v>0.68424553541049715</v>
      </c>
      <c r="AK46" s="95">
        <v>7.9671613710766195E-3</v>
      </c>
    </row>
    <row r="47" spans="1:37">
      <c r="A47" s="46" t="s">
        <v>443</v>
      </c>
      <c r="B47" s="105">
        <v>1012</v>
      </c>
      <c r="C47" s="106">
        <v>4.5662878781432097</v>
      </c>
      <c r="D47" s="107">
        <v>0.19172367075340269</v>
      </c>
      <c r="E47" s="108">
        <v>0.25321220586194826</v>
      </c>
      <c r="F47" s="98">
        <v>2.6773124900527218E-2</v>
      </c>
      <c r="G47" s="108">
        <v>0.21127390752666239</v>
      </c>
      <c r="H47" s="98">
        <v>2.515053684835768E-2</v>
      </c>
      <c r="I47" s="108">
        <v>0.53551388661138932</v>
      </c>
      <c r="J47" s="98">
        <v>3.0668293134423576E-2</v>
      </c>
      <c r="K47" s="105">
        <v>1021</v>
      </c>
      <c r="L47" s="106">
        <v>4.9208500313073573</v>
      </c>
      <c r="M47" s="107">
        <v>0.14982623094693892</v>
      </c>
      <c r="N47" s="108">
        <v>0.11799925970590924</v>
      </c>
      <c r="O47" s="98">
        <v>1.9857613640482989E-2</v>
      </c>
      <c r="P47" s="108">
        <v>0.23576266039802307</v>
      </c>
      <c r="Q47" s="98">
        <v>2.6025570978989943E-2</v>
      </c>
      <c r="R47" s="108">
        <v>0.64623807989606763</v>
      </c>
      <c r="S47" s="98">
        <v>2.9282228498345823E-2</v>
      </c>
      <c r="T47" s="105">
        <v>958</v>
      </c>
      <c r="U47" s="106">
        <v>3.8194061918535294</v>
      </c>
      <c r="V47" s="107">
        <v>0.19551312757096451</v>
      </c>
      <c r="W47" s="108">
        <v>0.4291281722402352</v>
      </c>
      <c r="X47" s="98">
        <v>3.0912694284406645E-2</v>
      </c>
      <c r="Y47" s="108">
        <v>0.19642045493409466</v>
      </c>
      <c r="Z47" s="98">
        <v>2.4869725831592599E-2</v>
      </c>
      <c r="AA47" s="108">
        <v>0.37445137282567015</v>
      </c>
      <c r="AB47" s="98">
        <v>3.0233234563263808E-2</v>
      </c>
      <c r="AC47" s="105">
        <v>996</v>
      </c>
      <c r="AD47" s="106">
        <v>5.2275734106829042</v>
      </c>
      <c r="AE47" s="107">
        <v>0.15525011480075079</v>
      </c>
      <c r="AF47" s="108">
        <v>8.3866426904233751E-2</v>
      </c>
      <c r="AG47" s="98">
        <v>1.7126257435672601E-2</v>
      </c>
      <c r="AH47" s="108">
        <v>0.21207187005275269</v>
      </c>
      <c r="AI47" s="98">
        <v>2.5085879758463939E-2</v>
      </c>
      <c r="AJ47" s="108">
        <v>0.70406170304301352</v>
      </c>
      <c r="AK47" s="98">
        <v>2.7980157642980549E-2</v>
      </c>
    </row>
    <row r="48" spans="1:37">
      <c r="A48" s="50" t="s">
        <v>434</v>
      </c>
      <c r="B48" s="80">
        <v>273</v>
      </c>
      <c r="C48" s="81">
        <v>4.5370608994552537</v>
      </c>
      <c r="D48" s="82">
        <v>0.36169027032558798</v>
      </c>
      <c r="E48" s="99">
        <v>0.25502104543373483</v>
      </c>
      <c r="F48" s="95">
        <v>5.1562518622970732E-2</v>
      </c>
      <c r="G48" s="99">
        <v>0.17174909522325618</v>
      </c>
      <c r="H48" s="95">
        <v>4.4896231093605882E-2</v>
      </c>
      <c r="I48" s="99">
        <v>0.57322985934300907</v>
      </c>
      <c r="J48" s="95">
        <v>5.8265843751005401E-2</v>
      </c>
      <c r="K48" s="80">
        <v>274</v>
      </c>
      <c r="L48" s="81">
        <v>5.0950949050682759</v>
      </c>
      <c r="M48" s="82">
        <v>0.29983661933604733</v>
      </c>
      <c r="N48" s="99">
        <v>0.11052941075612588</v>
      </c>
      <c r="O48" s="95">
        <v>3.7662179558294692E-2</v>
      </c>
      <c r="P48" s="99">
        <v>0.13930404755068107</v>
      </c>
      <c r="Q48" s="95">
        <v>4.1330437923115901E-2</v>
      </c>
      <c r="R48" s="99">
        <v>0.75016654169319308</v>
      </c>
      <c r="S48" s="95">
        <v>5.1132807313660968E-2</v>
      </c>
      <c r="T48" s="80">
        <v>269</v>
      </c>
      <c r="U48" s="81">
        <v>3.7305536289712697</v>
      </c>
      <c r="V48" s="82">
        <v>0.35612243997072257</v>
      </c>
      <c r="W48" s="99">
        <v>0.43853285903329792</v>
      </c>
      <c r="X48" s="95">
        <v>5.8875539061288409E-2</v>
      </c>
      <c r="Y48" s="99">
        <v>0.22319002681296704</v>
      </c>
      <c r="Z48" s="95">
        <v>4.9709958627147E-2</v>
      </c>
      <c r="AA48" s="99">
        <v>0.33827711415373501</v>
      </c>
      <c r="AB48" s="95">
        <v>5.6219363826364534E-2</v>
      </c>
      <c r="AC48" s="80">
        <v>274</v>
      </c>
      <c r="AD48" s="81">
        <v>5.1846195328728708</v>
      </c>
      <c r="AE48" s="82">
        <v>0.31529213169765491</v>
      </c>
      <c r="AF48" s="99">
        <v>0.11969570565568363</v>
      </c>
      <c r="AG48" s="95">
        <v>3.8899339644408504E-2</v>
      </c>
      <c r="AH48" s="99">
        <v>0.16082363083902321</v>
      </c>
      <c r="AI48" s="95">
        <v>4.370791701397933E-2</v>
      </c>
      <c r="AJ48" s="99">
        <v>0.71948066350529316</v>
      </c>
      <c r="AK48" s="95">
        <v>5.2990783077237799E-2</v>
      </c>
    </row>
    <row r="49" spans="1:37" ht="25.5">
      <c r="A49" s="46" t="s">
        <v>438</v>
      </c>
      <c r="B49" s="105">
        <v>59</v>
      </c>
      <c r="C49" s="106">
        <v>4.3594844822321912</v>
      </c>
      <c r="D49" s="107">
        <v>0.63686478910118804</v>
      </c>
      <c r="E49" s="108">
        <v>0.33975081490252768</v>
      </c>
      <c r="F49" s="98">
        <v>0.11777554417754622</v>
      </c>
      <c r="G49" s="108">
        <v>0.11556148264354775</v>
      </c>
      <c r="H49" s="98">
        <v>8.5676247871761355E-2</v>
      </c>
      <c r="I49" s="108">
        <v>0.5446877024539245</v>
      </c>
      <c r="J49" s="98">
        <v>0.12303513568116235</v>
      </c>
      <c r="K49" s="105">
        <v>58</v>
      </c>
      <c r="L49" s="106">
        <v>4.8036983200667285</v>
      </c>
      <c r="M49" s="107">
        <v>0.50142895747579352</v>
      </c>
      <c r="N49" s="108">
        <v>0.13233686042307771</v>
      </c>
      <c r="O49" s="98">
        <v>9.0335506230283108E-2</v>
      </c>
      <c r="P49" s="108">
        <v>0.26150582211660067</v>
      </c>
      <c r="Q49" s="98">
        <v>0.11138258086626639</v>
      </c>
      <c r="R49" s="108">
        <v>0.60615731746032164</v>
      </c>
      <c r="S49" s="98">
        <v>0.12198053045163576</v>
      </c>
      <c r="T49" s="105">
        <v>58</v>
      </c>
      <c r="U49" s="106">
        <v>4.1061898796742353</v>
      </c>
      <c r="V49" s="107">
        <v>0.58380389466287053</v>
      </c>
      <c r="W49" s="108">
        <v>0.40283176099006318</v>
      </c>
      <c r="X49" s="98">
        <v>0.12238609343845794</v>
      </c>
      <c r="Y49" s="108">
        <v>0.1701514987649336</v>
      </c>
      <c r="Z49" s="98">
        <v>9.7932267610874119E-2</v>
      </c>
      <c r="AA49" s="108">
        <v>0.42701674024500325</v>
      </c>
      <c r="AB49" s="98">
        <v>0.12329434047387371</v>
      </c>
      <c r="AC49" s="105">
        <v>59</v>
      </c>
      <c r="AD49" s="106">
        <v>5.1913227461641922</v>
      </c>
      <c r="AE49" s="107">
        <v>0.46910533910307439</v>
      </c>
      <c r="AF49" s="108">
        <v>9.0258746559930866E-2</v>
      </c>
      <c r="AG49" s="98">
        <v>7.9156398025806804E-2</v>
      </c>
      <c r="AH49" s="108">
        <v>0.126618029997419</v>
      </c>
      <c r="AI49" s="98">
        <v>8.8252620746479313E-2</v>
      </c>
      <c r="AJ49" s="108">
        <v>0.78312322344265017</v>
      </c>
      <c r="AK49" s="98">
        <v>0.10467818870340061</v>
      </c>
    </row>
    <row r="50" spans="1:37" ht="38.25">
      <c r="A50" s="54" t="s">
        <v>454</v>
      </c>
      <c r="B50" s="101">
        <v>69</v>
      </c>
      <c r="C50" s="102">
        <v>4.6821297742917114</v>
      </c>
      <c r="D50" s="103">
        <v>0.63277999967324128</v>
      </c>
      <c r="E50" s="104">
        <v>0.12911876816502965</v>
      </c>
      <c r="F50" s="95">
        <v>8.1786529303311595E-2</v>
      </c>
      <c r="G50" s="104">
        <v>0.29538767127662846</v>
      </c>
      <c r="H50" s="95">
        <v>0.10577240053956066</v>
      </c>
      <c r="I50" s="104">
        <v>0.57549356055834178</v>
      </c>
      <c r="J50" s="95">
        <v>0.11352625058134384</v>
      </c>
      <c r="K50" s="101">
        <v>68</v>
      </c>
      <c r="L50" s="102">
        <v>5.4250778198849092</v>
      </c>
      <c r="M50" s="103">
        <v>0.31565165369401615</v>
      </c>
      <c r="N50" s="104">
        <v>7.9587090771225048E-4</v>
      </c>
      <c r="O50" s="95">
        <v>3.8454858854595722E-2</v>
      </c>
      <c r="P50" s="104">
        <v>0.14037007636981397</v>
      </c>
      <c r="Q50" s="95">
        <v>8.4756481942271797E-2</v>
      </c>
      <c r="R50" s="104">
        <v>0.85883405272247393</v>
      </c>
      <c r="S50" s="95">
        <v>8.4916867948038585E-2</v>
      </c>
      <c r="T50" s="101">
        <v>65</v>
      </c>
      <c r="U50" s="102">
        <v>4.4583137462506111</v>
      </c>
      <c r="V50" s="103">
        <v>0.62177729995044295</v>
      </c>
      <c r="W50" s="104">
        <v>0.28648097242231252</v>
      </c>
      <c r="X50" s="95">
        <v>0.10801083667604153</v>
      </c>
      <c r="Y50" s="104">
        <v>0.22697096691924379</v>
      </c>
      <c r="Z50" s="95">
        <v>0.10117201563003722</v>
      </c>
      <c r="AA50" s="104">
        <v>0.48654806065844369</v>
      </c>
      <c r="AB50" s="95">
        <v>0.1179402394792422</v>
      </c>
      <c r="AC50" s="101">
        <v>67</v>
      </c>
      <c r="AD50" s="102">
        <v>5.4513863691004394</v>
      </c>
      <c r="AE50" s="103">
        <v>0.46905684234717882</v>
      </c>
      <c r="AF50" s="104">
        <v>1.0728351950013467E-4</v>
      </c>
      <c r="AG50" s="95">
        <v>3.8553560914433092E-2</v>
      </c>
      <c r="AH50" s="104">
        <v>0.26333271247125795</v>
      </c>
      <c r="AI50" s="95">
        <v>0.10405771174735177</v>
      </c>
      <c r="AJ50" s="104">
        <v>0.73656000400924193</v>
      </c>
      <c r="AK50" s="95">
        <v>0.10406946507123482</v>
      </c>
    </row>
    <row r="51" spans="1:37" ht="25.5">
      <c r="A51" s="46" t="s">
        <v>444</v>
      </c>
      <c r="B51" s="105">
        <v>112</v>
      </c>
      <c r="C51" s="106">
        <v>4.5562338028931011</v>
      </c>
      <c r="D51" s="107">
        <v>0.50411818791111784</v>
      </c>
      <c r="E51" s="108">
        <v>0.25795953831997503</v>
      </c>
      <c r="F51" s="98">
        <v>8.0440527916748397E-2</v>
      </c>
      <c r="G51" s="108">
        <v>0.17059486469250995</v>
      </c>
      <c r="H51" s="98">
        <v>7.0209588868204484E-2</v>
      </c>
      <c r="I51" s="108">
        <v>0.57144559698751496</v>
      </c>
      <c r="J51" s="98">
        <v>9.0120594835304671E-2</v>
      </c>
      <c r="K51" s="105">
        <v>114</v>
      </c>
      <c r="L51" s="106">
        <v>5.1064831398433306</v>
      </c>
      <c r="M51" s="107">
        <v>0.41367416301407189</v>
      </c>
      <c r="N51" s="108">
        <v>0.12404707655244879</v>
      </c>
      <c r="O51" s="98">
        <v>6.2001491222563689E-2</v>
      </c>
      <c r="P51" s="108">
        <v>0.10577248824053546</v>
      </c>
      <c r="Q51" s="98">
        <v>5.8450901630777895E-2</v>
      </c>
      <c r="R51" s="108">
        <v>0.77018043520701573</v>
      </c>
      <c r="S51" s="98">
        <v>7.6947191667983278E-2</v>
      </c>
      <c r="T51" s="105">
        <v>112</v>
      </c>
      <c r="U51" s="106">
        <v>3.4337534653314101</v>
      </c>
      <c r="V51" s="107">
        <v>0.47511906686342842</v>
      </c>
      <c r="W51" s="108">
        <v>0.49131441682373206</v>
      </c>
      <c r="X51" s="98">
        <v>9.0977916718032792E-2</v>
      </c>
      <c r="Y51" s="108">
        <v>0.24798089627167363</v>
      </c>
      <c r="Z51" s="98">
        <v>7.9488835149476245E-2</v>
      </c>
      <c r="AA51" s="108">
        <v>0.26070468690459425</v>
      </c>
      <c r="AB51" s="98">
        <v>8.0693691036902118E-2</v>
      </c>
      <c r="AC51" s="105">
        <v>114</v>
      </c>
      <c r="AD51" s="106">
        <v>5.1071032527898286</v>
      </c>
      <c r="AE51" s="107">
        <v>0.44581186294876751</v>
      </c>
      <c r="AF51" s="108">
        <v>0.1514880676403299</v>
      </c>
      <c r="AG51" s="98">
        <v>6.6695298196784103E-2</v>
      </c>
      <c r="AH51" s="108">
        <v>0.16387697730632014</v>
      </c>
      <c r="AI51" s="98">
        <v>6.8600252075474016E-2</v>
      </c>
      <c r="AJ51" s="108">
        <v>0.68463495505334993</v>
      </c>
      <c r="AK51" s="98">
        <v>8.427999065236573E-2</v>
      </c>
    </row>
    <row r="52" spans="1:37">
      <c r="A52" s="54" t="s">
        <v>445</v>
      </c>
      <c r="B52" s="101">
        <v>240</v>
      </c>
      <c r="C52" s="102">
        <v>4.6853719400455818</v>
      </c>
      <c r="D52" s="103">
        <v>0.31298287062470465</v>
      </c>
      <c r="E52" s="104">
        <v>0.18803919715325315</v>
      </c>
      <c r="F52" s="95">
        <v>4.953449563810175E-2</v>
      </c>
      <c r="G52" s="104">
        <v>0.25212096613642482</v>
      </c>
      <c r="H52" s="95">
        <v>5.4773466429774945E-2</v>
      </c>
      <c r="I52" s="104">
        <v>0.559839836710322</v>
      </c>
      <c r="J52" s="95">
        <v>6.2301859555225818E-2</v>
      </c>
      <c r="K52" s="101">
        <v>241</v>
      </c>
      <c r="L52" s="102">
        <v>5.0590360363718458</v>
      </c>
      <c r="M52" s="103">
        <v>0.21008074106192609</v>
      </c>
      <c r="N52" s="104">
        <v>4.9326041506118003E-2</v>
      </c>
      <c r="O52" s="95">
        <v>2.8955549792205756E-2</v>
      </c>
      <c r="P52" s="104">
        <v>0.2375540232052494</v>
      </c>
      <c r="Q52" s="95">
        <v>5.361876790686524E-2</v>
      </c>
      <c r="R52" s="104">
        <v>0.7131199352886326</v>
      </c>
      <c r="S52" s="95">
        <v>5.6840812646245041E-2</v>
      </c>
      <c r="T52" s="101">
        <v>231</v>
      </c>
      <c r="U52" s="102">
        <v>4.6967569401266216</v>
      </c>
      <c r="V52" s="103">
        <v>0.27250785331651262</v>
      </c>
      <c r="W52" s="104">
        <v>0.18339673258306308</v>
      </c>
      <c r="X52" s="95">
        <v>5.003506956126224E-2</v>
      </c>
      <c r="Y52" s="104">
        <v>0.21011488417132709</v>
      </c>
      <c r="Z52" s="95">
        <v>5.2530580484089089E-2</v>
      </c>
      <c r="AA52" s="104">
        <v>0.60648838324560983</v>
      </c>
      <c r="AB52" s="95">
        <v>6.2511530441327151E-2</v>
      </c>
      <c r="AC52" s="101">
        <v>239</v>
      </c>
      <c r="AD52" s="102">
        <v>5.2037436302447722</v>
      </c>
      <c r="AE52" s="103">
        <v>0.30898333984761095</v>
      </c>
      <c r="AF52" s="104">
        <v>5.3508071453160638E-2</v>
      </c>
      <c r="AG52" s="95">
        <v>3.0059137335351233E-2</v>
      </c>
      <c r="AH52" s="104">
        <v>0.216614160815465</v>
      </c>
      <c r="AI52" s="95">
        <v>5.219320204720812E-2</v>
      </c>
      <c r="AJ52" s="104">
        <v>0.72987776773137436</v>
      </c>
      <c r="AK52" s="95">
        <v>5.6072541910890922E-2</v>
      </c>
    </row>
    <row r="53" spans="1:37">
      <c r="A53" s="46" t="s">
        <v>446</v>
      </c>
      <c r="B53" s="105">
        <v>124</v>
      </c>
      <c r="C53" s="106">
        <v>4.7546251040317511</v>
      </c>
      <c r="D53" s="107">
        <v>0.36789463344686713</v>
      </c>
      <c r="E53" s="108">
        <v>0.15960966288727052</v>
      </c>
      <c r="F53" s="98">
        <v>6.5112608639862263E-2</v>
      </c>
      <c r="G53" s="108">
        <v>0.26181418152688868</v>
      </c>
      <c r="H53" s="98">
        <v>7.6845274892134774E-2</v>
      </c>
      <c r="I53" s="108">
        <v>0.57857615558584075</v>
      </c>
      <c r="J53" s="98">
        <v>8.5610875282193563E-2</v>
      </c>
      <c r="K53" s="105">
        <v>125</v>
      </c>
      <c r="L53" s="106">
        <v>4.9971186705554711</v>
      </c>
      <c r="M53" s="107">
        <v>0.30094041590118348</v>
      </c>
      <c r="N53" s="108">
        <v>5.5508163276360413E-2</v>
      </c>
      <c r="O53" s="98">
        <v>4.3823410155485409E-2</v>
      </c>
      <c r="P53" s="108">
        <v>0.28406288968043092</v>
      </c>
      <c r="Q53" s="98">
        <v>7.8365434541138299E-2</v>
      </c>
      <c r="R53" s="108">
        <v>0.66042894704320865</v>
      </c>
      <c r="S53" s="98">
        <v>8.2007922495939398E-2</v>
      </c>
      <c r="T53" s="105">
        <v>121</v>
      </c>
      <c r="U53" s="106">
        <v>4.7120252347792171</v>
      </c>
      <c r="V53" s="107">
        <v>0.34440921145654801</v>
      </c>
      <c r="W53" s="108">
        <v>0.18443781589292724</v>
      </c>
      <c r="X53" s="98">
        <v>6.9394325453430397E-2</v>
      </c>
      <c r="Y53" s="108">
        <v>0.17760155903414709</v>
      </c>
      <c r="Z53" s="98">
        <v>6.8483425033761078E-2</v>
      </c>
      <c r="AA53" s="108">
        <v>0.63796062507292561</v>
      </c>
      <c r="AB53" s="98">
        <v>8.4469496111411205E-2</v>
      </c>
      <c r="AC53" s="105">
        <v>123</v>
      </c>
      <c r="AD53" s="106">
        <v>4.9717946378180375</v>
      </c>
      <c r="AE53" s="107">
        <v>0.44498024901567046</v>
      </c>
      <c r="AF53" s="108">
        <v>7.5282583270483039E-2</v>
      </c>
      <c r="AG53" s="98">
        <v>4.9437580357390667E-2</v>
      </c>
      <c r="AH53" s="108">
        <v>0.28834264021390404</v>
      </c>
      <c r="AI53" s="98">
        <v>7.9316517172994316E-2</v>
      </c>
      <c r="AJ53" s="108">
        <v>0.63637477651561292</v>
      </c>
      <c r="AK53" s="98">
        <v>8.387201074798456E-2</v>
      </c>
    </row>
    <row r="54" spans="1:37">
      <c r="A54" s="54" t="s">
        <v>447</v>
      </c>
      <c r="B54" s="101">
        <v>116</v>
      </c>
      <c r="C54" s="102">
        <v>4.5820464489174793</v>
      </c>
      <c r="D54" s="103">
        <v>0.53871533109860703</v>
      </c>
      <c r="E54" s="104">
        <v>0.23045596804855151</v>
      </c>
      <c r="F54" s="95">
        <v>7.6353863745670394E-2</v>
      </c>
      <c r="G54" s="104">
        <v>0.23765872090196613</v>
      </c>
      <c r="H54" s="95">
        <v>7.7100692627392678E-2</v>
      </c>
      <c r="I54" s="104">
        <v>0.53188531104948233</v>
      </c>
      <c r="J54" s="95">
        <v>8.9291208316110413E-2</v>
      </c>
      <c r="K54" s="101">
        <v>116</v>
      </c>
      <c r="L54" s="102">
        <v>5.1544330579681725</v>
      </c>
      <c r="M54" s="103">
        <v>0.26228517870798473</v>
      </c>
      <c r="N54" s="104">
        <v>3.9801153031760926E-2</v>
      </c>
      <c r="O54" s="95">
        <v>4.0840090362300831E-2</v>
      </c>
      <c r="P54" s="104">
        <v>0.16589710949364864</v>
      </c>
      <c r="Q54" s="95">
        <v>6.8294324416912106E-2</v>
      </c>
      <c r="R54" s="104">
        <v>0.79430173747459043</v>
      </c>
      <c r="S54" s="95">
        <v>7.3568455804794763E-2</v>
      </c>
      <c r="T54" s="101">
        <v>110</v>
      </c>
      <c r="U54" s="102">
        <v>4.6685350553056111</v>
      </c>
      <c r="V54" s="103">
        <v>0.44701044904070475</v>
      </c>
      <c r="W54" s="104">
        <v>0.18147239630788714</v>
      </c>
      <c r="X54" s="95">
        <v>7.2396579932752364E-2</v>
      </c>
      <c r="Y54" s="104">
        <v>0.27021244830981067</v>
      </c>
      <c r="Z54" s="95">
        <v>8.2267196413740917E-2</v>
      </c>
      <c r="AA54" s="104">
        <v>0.54831515538230213</v>
      </c>
      <c r="AB54" s="95">
        <v>9.1385563247252014E-2</v>
      </c>
      <c r="AC54" s="101">
        <v>116</v>
      </c>
      <c r="AD54" s="102">
        <v>5.5609074475191891</v>
      </c>
      <c r="AE54" s="103">
        <v>0.28717117054050778</v>
      </c>
      <c r="AF54" s="109">
        <v>1.9978855919196566E-2</v>
      </c>
      <c r="AG54" s="95">
        <v>3.3322417213059792E-2</v>
      </c>
      <c r="AH54" s="104">
        <v>0.10616393966467433</v>
      </c>
      <c r="AI54" s="95">
        <v>5.799449583130474E-2</v>
      </c>
      <c r="AJ54" s="104">
        <v>0.87385720441612913</v>
      </c>
      <c r="AK54" s="95">
        <v>6.1823797654216368E-2</v>
      </c>
    </row>
    <row r="60" spans="1:37" ht="18.75">
      <c r="A60" s="327" t="s">
        <v>40</v>
      </c>
      <c r="B60" s="327"/>
      <c r="C60" s="327"/>
      <c r="D60" s="327"/>
      <c r="E60" s="327"/>
      <c r="F60" s="327"/>
      <c r="G60" s="327"/>
      <c r="H60" s="327"/>
      <c r="I60" s="299"/>
      <c r="J60" s="299"/>
      <c r="K60" s="299"/>
      <c r="L60" s="299"/>
      <c r="M60" s="299"/>
      <c r="N60" s="299"/>
      <c r="O60" s="300"/>
      <c r="P60" s="300"/>
      <c r="Q60" s="300"/>
      <c r="R60" s="300"/>
    </row>
    <row r="61" spans="1:37" ht="56.25" customHeight="1">
      <c r="A61" s="332" t="s">
        <v>345</v>
      </c>
      <c r="B61" s="332"/>
      <c r="C61" s="332"/>
      <c r="D61" s="332"/>
      <c r="E61" s="332"/>
      <c r="F61" s="332"/>
      <c r="G61" s="332"/>
      <c r="H61" s="332"/>
      <c r="I61" s="298"/>
      <c r="J61" s="298"/>
      <c r="K61" s="298"/>
      <c r="L61" s="298"/>
      <c r="M61" s="298"/>
      <c r="N61" s="298"/>
    </row>
    <row r="62" spans="1:37" ht="35.25" customHeight="1">
      <c r="A62" s="110"/>
      <c r="B62" s="331" t="s">
        <v>167</v>
      </c>
      <c r="C62" s="331"/>
      <c r="D62" s="331"/>
      <c r="E62" s="331"/>
      <c r="F62" s="331"/>
      <c r="G62" s="331"/>
      <c r="H62" s="331"/>
    </row>
    <row r="63" spans="1:37" ht="47.25" customHeight="1">
      <c r="A63" s="34" t="s">
        <v>114</v>
      </c>
      <c r="B63" s="35" t="s">
        <v>115</v>
      </c>
      <c r="C63" s="35" t="s">
        <v>318</v>
      </c>
      <c r="D63" s="90" t="s">
        <v>168</v>
      </c>
      <c r="E63" s="35" t="s">
        <v>319</v>
      </c>
      <c r="F63" s="90" t="s">
        <v>169</v>
      </c>
      <c r="G63" s="35" t="s">
        <v>320</v>
      </c>
      <c r="H63" s="90" t="s">
        <v>170</v>
      </c>
    </row>
    <row r="64" spans="1:37" ht="73.5" customHeight="1">
      <c r="A64" s="38"/>
      <c r="B64" s="39" t="s">
        <v>118</v>
      </c>
      <c r="C64" s="39" t="s">
        <v>321</v>
      </c>
      <c r="D64" s="92" t="s">
        <v>171</v>
      </c>
      <c r="E64" s="39" t="s">
        <v>322</v>
      </c>
      <c r="F64" s="92" t="s">
        <v>148</v>
      </c>
      <c r="G64" s="39" t="s">
        <v>323</v>
      </c>
      <c r="H64" s="92" t="s">
        <v>148</v>
      </c>
    </row>
    <row r="65" spans="1:8">
      <c r="A65" s="42" t="s">
        <v>442</v>
      </c>
      <c r="B65" s="113">
        <v>12348</v>
      </c>
      <c r="C65" s="114">
        <v>0.81615951128133957</v>
      </c>
      <c r="D65" s="95">
        <v>6.8326502823313007E-3</v>
      </c>
      <c r="E65" s="114">
        <v>7.6057290486998996E-2</v>
      </c>
      <c r="F65" s="95">
        <v>4.6788564003330179E-3</v>
      </c>
      <c r="G65" s="114">
        <v>0.10778319823166146</v>
      </c>
      <c r="H65" s="95">
        <v>5.4717089157747196E-3</v>
      </c>
    </row>
    <row r="66" spans="1:8">
      <c r="A66" s="46" t="s">
        <v>443</v>
      </c>
      <c r="B66" s="115">
        <v>1004</v>
      </c>
      <c r="C66" s="116">
        <v>0.82639472363997668</v>
      </c>
      <c r="D66" s="98">
        <v>2.345170845078582E-2</v>
      </c>
      <c r="E66" s="116">
        <v>5.5958444203406746E-2</v>
      </c>
      <c r="F66" s="98">
        <v>1.4397290508495527E-2</v>
      </c>
      <c r="G66" s="116">
        <v>0.11764683215661662</v>
      </c>
      <c r="H66" s="98">
        <v>2.0000738779882708E-2</v>
      </c>
    </row>
    <row r="67" spans="1:8">
      <c r="A67" s="50" t="s">
        <v>434</v>
      </c>
      <c r="B67" s="80">
        <v>268</v>
      </c>
      <c r="C67" s="99">
        <v>0.87408480000023658</v>
      </c>
      <c r="D67" s="95">
        <v>4.0151546814179352E-2</v>
      </c>
      <c r="E67" s="99">
        <v>3.6359693837400898E-3</v>
      </c>
      <c r="F67" s="95">
        <v>1.2359533498842827E-2</v>
      </c>
      <c r="G67" s="99">
        <v>0.12227923061602335</v>
      </c>
      <c r="H67" s="95">
        <v>3.9682069107301356E-2</v>
      </c>
    </row>
    <row r="68" spans="1:8" ht="25.5">
      <c r="A68" s="46" t="s">
        <v>438</v>
      </c>
      <c r="B68" s="115">
        <v>57</v>
      </c>
      <c r="C68" s="116">
        <v>0.94529169392270995</v>
      </c>
      <c r="D68" s="98">
        <v>6.9576379037967415E-2</v>
      </c>
      <c r="E68" s="116">
        <v>0</v>
      </c>
      <c r="F68" s="98">
        <v>4.4689173477358117E-2</v>
      </c>
      <c r="G68" s="116">
        <v>5.4708306077290068E-2</v>
      </c>
      <c r="H68" s="98">
        <v>6.9576379037967429E-2</v>
      </c>
    </row>
    <row r="69" spans="1:8" ht="38.25">
      <c r="A69" s="54" t="s">
        <v>454</v>
      </c>
      <c r="B69" s="113">
        <v>65</v>
      </c>
      <c r="C69" s="114">
        <v>0.86817305792020094</v>
      </c>
      <c r="D69" s="95">
        <v>8.4980025499898151E-2</v>
      </c>
      <c r="E69" s="114">
        <v>3.8835022201546721E-2</v>
      </c>
      <c r="F69" s="95">
        <v>5.8405683976829312E-2</v>
      </c>
      <c r="G69" s="114">
        <v>9.299191987825238E-2</v>
      </c>
      <c r="H69" s="95">
        <v>7.5724745362927656E-2</v>
      </c>
    </row>
    <row r="70" spans="1:8" ht="25.5">
      <c r="A70" s="46" t="s">
        <v>444</v>
      </c>
      <c r="B70" s="115">
        <v>112</v>
      </c>
      <c r="C70" s="116">
        <v>0.85574292037998989</v>
      </c>
      <c r="D70" s="98">
        <v>6.6123220487065287E-2</v>
      </c>
      <c r="E70" s="116">
        <v>4.9569513433747126E-4</v>
      </c>
      <c r="F70" s="98">
        <v>2.4009126718143255E-2</v>
      </c>
      <c r="G70" s="116">
        <v>0.14376138448567266</v>
      </c>
      <c r="H70" s="98">
        <v>6.6040779262529478E-2</v>
      </c>
    </row>
    <row r="71" spans="1:8">
      <c r="A71" s="54" t="s">
        <v>445</v>
      </c>
      <c r="B71" s="113">
        <v>235</v>
      </c>
      <c r="C71" s="114">
        <v>0.77531184269762587</v>
      </c>
      <c r="D71" s="95">
        <v>5.3296549305642482E-2</v>
      </c>
      <c r="E71" s="114">
        <v>0.11590429957526256</v>
      </c>
      <c r="F71" s="95">
        <v>4.1542567004758724E-2</v>
      </c>
      <c r="G71" s="114">
        <v>0.10878385772711154</v>
      </c>
      <c r="H71" s="95">
        <v>4.0496848072373123E-2</v>
      </c>
    </row>
    <row r="72" spans="1:8">
      <c r="A72" s="46" t="s">
        <v>446</v>
      </c>
      <c r="B72" s="115">
        <v>119</v>
      </c>
      <c r="C72" s="116">
        <v>0.72313866332320653</v>
      </c>
      <c r="D72" s="98">
        <v>7.970279574541983E-2</v>
      </c>
      <c r="E72" s="116">
        <v>0.10327511171974989</v>
      </c>
      <c r="F72" s="98">
        <v>5.662990230083767E-2</v>
      </c>
      <c r="G72" s="116">
        <v>0.17358622495704357</v>
      </c>
      <c r="H72" s="98">
        <v>6.8508013084826264E-2</v>
      </c>
    </row>
    <row r="73" spans="1:8">
      <c r="A73" s="54" t="s">
        <v>447</v>
      </c>
      <c r="B73" s="113">
        <v>116</v>
      </c>
      <c r="C73" s="114">
        <v>0.85456783259074809</v>
      </c>
      <c r="D73" s="95">
        <v>6.5134545360234358E-2</v>
      </c>
      <c r="E73" s="114">
        <v>0.13508922940006096</v>
      </c>
      <c r="F73" s="95">
        <v>6.3402667303633656E-2</v>
      </c>
      <c r="G73" s="114">
        <v>1.0342938009190915E-2</v>
      </c>
      <c r="H73" s="95">
        <v>2.882478959430369E-2</v>
      </c>
    </row>
  </sheetData>
  <mergeCells count="19">
    <mergeCell ref="A3:D3"/>
    <mergeCell ref="A4:D4"/>
    <mergeCell ref="A5:D5"/>
    <mergeCell ref="A22:AJ22"/>
    <mergeCell ref="A23:AJ23"/>
    <mergeCell ref="B24:H24"/>
    <mergeCell ref="I24:O24"/>
    <mergeCell ref="P24:V24"/>
    <mergeCell ref="W24:AC24"/>
    <mergeCell ref="AD24:AJ24"/>
    <mergeCell ref="B62:H62"/>
    <mergeCell ref="A60:H60"/>
    <mergeCell ref="A61:H61"/>
    <mergeCell ref="A41:AK41"/>
    <mergeCell ref="A42:AK42"/>
    <mergeCell ref="B43:J43"/>
    <mergeCell ref="K43:S43"/>
    <mergeCell ref="T43:AB43"/>
    <mergeCell ref="AC43:AK43"/>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93"/>
  <sheetViews>
    <sheetView zoomScaleNormal="100" zoomScalePageLayoutView="75" workbookViewId="0">
      <selection activeCell="A88" sqref="A88"/>
    </sheetView>
  </sheetViews>
  <sheetFormatPr defaultColWidth="22.85546875" defaultRowHeight="15"/>
  <cols>
    <col min="1" max="1" width="30" customWidth="1"/>
  </cols>
  <sheetData>
    <row r="1" spans="1:6" ht="31.5">
      <c r="A1" s="30" t="s">
        <v>49</v>
      </c>
    </row>
    <row r="3" spans="1:6" ht="18.75">
      <c r="A3" s="327" t="s">
        <v>3</v>
      </c>
      <c r="B3" s="327"/>
      <c r="C3" s="327"/>
      <c r="D3" s="327"/>
    </row>
    <row r="4" spans="1:6" ht="201" customHeight="1">
      <c r="A4" s="345" t="s">
        <v>346</v>
      </c>
      <c r="B4" s="345"/>
      <c r="C4" s="345"/>
      <c r="D4" s="345"/>
      <c r="F4" s="301"/>
    </row>
    <row r="5" spans="1:6" ht="34.5" customHeight="1">
      <c r="A5" s="346" t="s">
        <v>172</v>
      </c>
      <c r="B5" s="331"/>
      <c r="C5" s="331"/>
      <c r="D5" s="331"/>
    </row>
    <row r="6" spans="1:6" ht="43.5" customHeight="1">
      <c r="A6" s="34" t="s">
        <v>114</v>
      </c>
      <c r="B6" s="35" t="s">
        <v>115</v>
      </c>
      <c r="C6" s="36" t="s">
        <v>116</v>
      </c>
      <c r="D6" s="37" t="s">
        <v>117</v>
      </c>
    </row>
    <row r="7" spans="1:6" ht="56.25" customHeight="1">
      <c r="A7" s="38"/>
      <c r="B7" s="39" t="s">
        <v>118</v>
      </c>
      <c r="C7" s="40" t="s">
        <v>173</v>
      </c>
      <c r="D7" s="41" t="s">
        <v>120</v>
      </c>
    </row>
    <row r="8" spans="1:6">
      <c r="A8" s="42" t="s">
        <v>453</v>
      </c>
      <c r="B8" s="117">
        <v>11183</v>
      </c>
      <c r="C8" s="118">
        <v>4.0192094719401332</v>
      </c>
      <c r="D8" s="119">
        <v>3.2404363172654271E-2</v>
      </c>
    </row>
    <row r="9" spans="1:6">
      <c r="A9" s="46" t="s">
        <v>443</v>
      </c>
      <c r="B9" s="120">
        <v>887</v>
      </c>
      <c r="C9" s="121">
        <v>4.103255361686065</v>
      </c>
      <c r="D9" s="122">
        <v>0.12516911803625597</v>
      </c>
    </row>
    <row r="10" spans="1:6">
      <c r="A10" s="50" t="s">
        <v>434</v>
      </c>
      <c r="B10" s="80">
        <v>249</v>
      </c>
      <c r="C10" s="81">
        <v>4.0486597394095138</v>
      </c>
      <c r="D10" s="82">
        <v>0.2343101703848629</v>
      </c>
    </row>
    <row r="11" spans="1:6" ht="25.5">
      <c r="A11" s="46" t="s">
        <v>438</v>
      </c>
      <c r="B11" s="120">
        <v>56</v>
      </c>
      <c r="C11" s="121">
        <v>3.9613233851964633</v>
      </c>
      <c r="D11" s="122">
        <v>0.4311708190142256</v>
      </c>
    </row>
    <row r="12" spans="1:6" ht="38.25">
      <c r="A12" s="54" t="s">
        <v>454</v>
      </c>
      <c r="B12" s="117">
        <v>58</v>
      </c>
      <c r="C12" s="118">
        <v>4.0506916579081871</v>
      </c>
      <c r="D12" s="119">
        <v>0.37193337548705907</v>
      </c>
    </row>
    <row r="13" spans="1:6" ht="25.5">
      <c r="A13" s="46" t="s">
        <v>444</v>
      </c>
      <c r="B13" s="120">
        <v>104</v>
      </c>
      <c r="C13" s="121">
        <v>4.0613035723145394</v>
      </c>
      <c r="D13" s="122">
        <v>0.32062962592200428</v>
      </c>
    </row>
    <row r="14" spans="1:6">
      <c r="A14" s="54" t="s">
        <v>445</v>
      </c>
      <c r="B14" s="117">
        <v>201</v>
      </c>
      <c r="C14" s="118">
        <v>4.2434670307320035</v>
      </c>
      <c r="D14" s="119">
        <v>0.28245781066350872</v>
      </c>
    </row>
    <row r="15" spans="1:6">
      <c r="A15" s="46" t="s">
        <v>446</v>
      </c>
      <c r="B15" s="120">
        <v>105</v>
      </c>
      <c r="C15" s="121">
        <v>4.0714802128017675</v>
      </c>
      <c r="D15" s="122">
        <v>0.37056977332523777</v>
      </c>
    </row>
    <row r="16" spans="1:6">
      <c r="A16" s="54" t="s">
        <v>447</v>
      </c>
      <c r="B16" s="117">
        <v>96</v>
      </c>
      <c r="C16" s="118">
        <v>4.5032750350688486</v>
      </c>
      <c r="D16" s="119">
        <v>0.34298198623002119</v>
      </c>
    </row>
    <row r="17" spans="1:17" s="5" customFormat="1"/>
    <row r="22" spans="1:17" ht="18.75">
      <c r="A22" s="327" t="s">
        <v>41</v>
      </c>
      <c r="B22" s="327"/>
      <c r="C22" s="327"/>
      <c r="D22" s="327"/>
      <c r="E22" s="327"/>
      <c r="F22" s="327"/>
      <c r="G22" s="327"/>
      <c r="H22" s="327"/>
      <c r="I22" s="327"/>
      <c r="J22" s="327"/>
      <c r="K22" s="327"/>
      <c r="L22" s="327"/>
      <c r="M22" s="327"/>
      <c r="N22" s="327"/>
      <c r="O22" s="327"/>
      <c r="P22" s="327"/>
      <c r="Q22" s="327"/>
    </row>
    <row r="23" spans="1:17" ht="58.5" customHeight="1">
      <c r="A23" s="339" t="s">
        <v>347</v>
      </c>
      <c r="B23" s="339"/>
      <c r="C23" s="339"/>
      <c r="D23" s="339"/>
      <c r="E23" s="339"/>
      <c r="F23" s="339"/>
      <c r="G23" s="339"/>
      <c r="H23" s="339"/>
      <c r="I23" s="339"/>
      <c r="J23" s="339"/>
      <c r="K23" s="339"/>
      <c r="L23" s="339"/>
      <c r="M23" s="339"/>
      <c r="N23" s="339"/>
      <c r="O23" s="339"/>
      <c r="P23" s="339"/>
      <c r="Q23" s="339"/>
    </row>
    <row r="24" spans="1:17" ht="28.5" customHeight="1">
      <c r="A24" s="110"/>
      <c r="B24" s="331" t="s">
        <v>174</v>
      </c>
      <c r="C24" s="331"/>
      <c r="D24" s="331"/>
      <c r="E24" s="331"/>
      <c r="F24" s="331"/>
      <c r="G24" s="331"/>
      <c r="H24" s="331"/>
      <c r="I24" s="331" t="s">
        <v>175</v>
      </c>
      <c r="J24" s="331"/>
      <c r="K24" s="331"/>
      <c r="L24" s="331"/>
      <c r="M24" s="331"/>
      <c r="N24" s="331"/>
      <c r="O24" s="331"/>
      <c r="P24" s="331"/>
      <c r="Q24" s="331"/>
    </row>
    <row r="25" spans="1:17" ht="39.75" customHeight="1">
      <c r="A25" s="34" t="s">
        <v>114</v>
      </c>
      <c r="B25" s="35" t="s">
        <v>115</v>
      </c>
      <c r="C25" s="35" t="s">
        <v>324</v>
      </c>
      <c r="D25" s="90" t="s">
        <v>176</v>
      </c>
      <c r="E25" s="35" t="s">
        <v>348</v>
      </c>
      <c r="F25" s="90" t="s">
        <v>177</v>
      </c>
      <c r="G25" s="35" t="s">
        <v>350</v>
      </c>
      <c r="H25" s="90" t="s">
        <v>178</v>
      </c>
      <c r="I25" s="62" t="s">
        <v>115</v>
      </c>
      <c r="J25" s="62" t="s">
        <v>325</v>
      </c>
      <c r="K25" s="89" t="s">
        <v>179</v>
      </c>
      <c r="L25" s="62" t="s">
        <v>326</v>
      </c>
      <c r="M25" s="89" t="s">
        <v>180</v>
      </c>
      <c r="N25" s="62" t="s">
        <v>327</v>
      </c>
      <c r="O25" s="89" t="s">
        <v>181</v>
      </c>
      <c r="P25" s="62" t="s">
        <v>328</v>
      </c>
      <c r="Q25" s="89" t="s">
        <v>182</v>
      </c>
    </row>
    <row r="26" spans="1:17" ht="52.5" customHeight="1">
      <c r="A26" s="38"/>
      <c r="B26" s="39" t="s">
        <v>118</v>
      </c>
      <c r="C26" s="39" t="s">
        <v>342</v>
      </c>
      <c r="D26" s="92" t="s">
        <v>148</v>
      </c>
      <c r="E26" s="39" t="s">
        <v>349</v>
      </c>
      <c r="F26" s="92" t="s">
        <v>148</v>
      </c>
      <c r="G26" s="39" t="s">
        <v>351</v>
      </c>
      <c r="H26" s="92" t="s">
        <v>148</v>
      </c>
      <c r="I26" s="65" t="s">
        <v>118</v>
      </c>
      <c r="J26" s="65" t="s">
        <v>329</v>
      </c>
      <c r="K26" s="91" t="s">
        <v>148</v>
      </c>
      <c r="L26" s="65" t="s">
        <v>330</v>
      </c>
      <c r="M26" s="91" t="s">
        <v>148</v>
      </c>
      <c r="N26" s="65" t="s">
        <v>331</v>
      </c>
      <c r="O26" s="91" t="s">
        <v>148</v>
      </c>
      <c r="P26" s="65" t="s">
        <v>332</v>
      </c>
      <c r="Q26" s="91" t="s">
        <v>148</v>
      </c>
    </row>
    <row r="27" spans="1:17">
      <c r="A27" s="42" t="s">
        <v>453</v>
      </c>
      <c r="B27" s="123">
        <v>11589</v>
      </c>
      <c r="C27" s="124">
        <v>0.3951784053389224</v>
      </c>
      <c r="D27" s="95">
        <v>8.8996983624680601E-3</v>
      </c>
      <c r="E27" s="124">
        <v>0.42140577852850603</v>
      </c>
      <c r="F27" s="95">
        <v>8.988748685575575E-3</v>
      </c>
      <c r="G27" s="124">
        <v>0.1834158161325716</v>
      </c>
      <c r="H27" s="95">
        <v>7.046561724008772E-3</v>
      </c>
      <c r="I27" s="125">
        <v>12261</v>
      </c>
      <c r="J27" s="124">
        <v>6.0030047661454727E-2</v>
      </c>
      <c r="K27" s="95">
        <v>4.2087089663192922E-3</v>
      </c>
      <c r="L27" s="124">
        <v>0.30923509369195462</v>
      </c>
      <c r="M27" s="95">
        <v>8.1800496463708804E-3</v>
      </c>
      <c r="N27" s="124">
        <v>0.49071422327194225</v>
      </c>
      <c r="O27" s="95">
        <v>8.8474362233767756E-3</v>
      </c>
      <c r="P27" s="124">
        <v>0.14002063537464846</v>
      </c>
      <c r="Q27" s="95">
        <v>6.143483235108149E-3</v>
      </c>
    </row>
    <row r="28" spans="1:17">
      <c r="A28" s="46" t="s">
        <v>443</v>
      </c>
      <c r="B28" s="126">
        <v>909</v>
      </c>
      <c r="C28" s="127">
        <v>0.35516155693770468</v>
      </c>
      <c r="D28" s="98">
        <v>3.1055101561120613E-2</v>
      </c>
      <c r="E28" s="127">
        <v>0.40309536089123993</v>
      </c>
      <c r="F28" s="98">
        <v>3.1823734571952568E-2</v>
      </c>
      <c r="G28" s="127">
        <v>0.24174308217105539</v>
      </c>
      <c r="H28" s="98">
        <v>2.7816059574979901E-2</v>
      </c>
      <c r="I28" s="128">
        <v>991</v>
      </c>
      <c r="J28" s="127">
        <v>5.6177231122656629E-2</v>
      </c>
      <c r="K28" s="98">
        <v>1.4519393171667193E-2</v>
      </c>
      <c r="L28" s="127">
        <v>0.32318877413836933</v>
      </c>
      <c r="M28" s="98">
        <v>2.9077383464165291E-2</v>
      </c>
      <c r="N28" s="127">
        <v>0.46496206104018734</v>
      </c>
      <c r="O28" s="98">
        <v>3.0992326412016963E-2</v>
      </c>
      <c r="P28" s="127">
        <v>0.15567193369878665</v>
      </c>
      <c r="Q28" s="98">
        <v>2.260847906119828E-2</v>
      </c>
    </row>
    <row r="29" spans="1:17">
      <c r="A29" s="50" t="s">
        <v>434</v>
      </c>
      <c r="B29" s="80">
        <v>249</v>
      </c>
      <c r="C29" s="99">
        <v>0.38125730529122093</v>
      </c>
      <c r="D29" s="95">
        <v>5.9905502613643649E-2</v>
      </c>
      <c r="E29" s="99">
        <v>0.36645694689662672</v>
      </c>
      <c r="F29" s="95">
        <v>5.9445364036227404E-2</v>
      </c>
      <c r="G29" s="99">
        <v>0.25228574781215235</v>
      </c>
      <c r="H29" s="95">
        <v>5.379162584873888E-2</v>
      </c>
      <c r="I29" s="80">
        <v>268</v>
      </c>
      <c r="J29" s="99">
        <v>6.8054495950846977E-2</v>
      </c>
      <c r="K29" s="95">
        <v>3.1188003175680563E-2</v>
      </c>
      <c r="L29" s="99">
        <v>0.30492924541224609</v>
      </c>
      <c r="M29" s="95">
        <v>5.4855593065951919E-2</v>
      </c>
      <c r="N29" s="99">
        <v>0.45344312244162083</v>
      </c>
      <c r="O29" s="95">
        <v>5.9170624215399863E-2</v>
      </c>
      <c r="P29" s="99">
        <v>0.17357313619528617</v>
      </c>
      <c r="Q29" s="95">
        <v>4.5496085898555368E-2</v>
      </c>
    </row>
    <row r="30" spans="1:17" ht="25.5">
      <c r="A30" s="46" t="s">
        <v>438</v>
      </c>
      <c r="B30" s="126">
        <v>56</v>
      </c>
      <c r="C30" s="127">
        <v>0.37920729760419497</v>
      </c>
      <c r="D30" s="98">
        <v>0.12325936120163471</v>
      </c>
      <c r="E30" s="127">
        <v>0.45666312691097838</v>
      </c>
      <c r="F30" s="98">
        <v>0.12610280622558667</v>
      </c>
      <c r="G30" s="127">
        <v>0.16412957548482668</v>
      </c>
      <c r="H30" s="98">
        <v>9.856379808726172E-2</v>
      </c>
      <c r="I30" s="128">
        <v>58</v>
      </c>
      <c r="J30" s="129">
        <v>8.4212585080595093E-2</v>
      </c>
      <c r="K30" s="98">
        <v>7.8205432277198977E-2</v>
      </c>
      <c r="L30" s="127">
        <v>0.2361764862639526</v>
      </c>
      <c r="M30" s="98">
        <v>0.10824123390088816</v>
      </c>
      <c r="N30" s="127">
        <v>0.59957758703367359</v>
      </c>
      <c r="O30" s="98">
        <v>0.12228103704256948</v>
      </c>
      <c r="P30" s="127">
        <v>8.0033341621778734E-2</v>
      </c>
      <c r="Q30" s="98">
        <v>7.6985026605317503E-2</v>
      </c>
    </row>
    <row r="31" spans="1:17" ht="38.25">
      <c r="A31" s="54" t="s">
        <v>454</v>
      </c>
      <c r="B31" s="123">
        <v>58</v>
      </c>
      <c r="C31" s="124">
        <v>0.43764048538076478</v>
      </c>
      <c r="D31" s="95">
        <v>0.12361011482605294</v>
      </c>
      <c r="E31" s="124">
        <v>0.42812326807399942</v>
      </c>
      <c r="F31" s="95">
        <v>0.12332958313186369</v>
      </c>
      <c r="G31" s="124">
        <v>0.13423624654523575</v>
      </c>
      <c r="H31" s="95">
        <v>9.0752637871778868E-2</v>
      </c>
      <c r="I31" s="125">
        <v>67</v>
      </c>
      <c r="J31" s="124">
        <v>1.5639725921865637E-3</v>
      </c>
      <c r="K31" s="95">
        <v>3.9451821961525094E-2</v>
      </c>
      <c r="L31" s="124">
        <v>0.38755845878632095</v>
      </c>
      <c r="M31" s="95">
        <v>0.11365556772481042</v>
      </c>
      <c r="N31" s="124">
        <v>0.42279089215760518</v>
      </c>
      <c r="O31" s="95">
        <v>0.11506317634258499</v>
      </c>
      <c r="P31" s="124">
        <v>0.1880866764638873</v>
      </c>
      <c r="Q31" s="95">
        <v>9.4016579882255619E-2</v>
      </c>
    </row>
    <row r="32" spans="1:17" ht="25.5">
      <c r="A32" s="46" t="s">
        <v>444</v>
      </c>
      <c r="B32" s="126">
        <v>104</v>
      </c>
      <c r="C32" s="127">
        <v>0.37692503140839156</v>
      </c>
      <c r="D32" s="98">
        <v>9.1613122976040851E-2</v>
      </c>
      <c r="E32" s="127">
        <v>0.32937431399408285</v>
      </c>
      <c r="F32" s="98">
        <v>8.9063549934408709E-2</v>
      </c>
      <c r="G32" s="127">
        <v>0.29370065459752559</v>
      </c>
      <c r="H32" s="98">
        <v>8.6537847231689696E-2</v>
      </c>
      <c r="I32" s="128">
        <v>109</v>
      </c>
      <c r="J32" s="127">
        <v>7.5215467604586514E-2</v>
      </c>
      <c r="K32" s="98">
        <v>5.283309016072095E-2</v>
      </c>
      <c r="L32" s="127">
        <v>0.31769439713997771</v>
      </c>
      <c r="M32" s="98">
        <v>8.6300679926835377E-2</v>
      </c>
      <c r="N32" s="127">
        <v>0.40629156693252394</v>
      </c>
      <c r="O32" s="98">
        <v>9.0671626650318721E-2</v>
      </c>
      <c r="P32" s="127">
        <v>0.20079856832291185</v>
      </c>
      <c r="Q32" s="98">
        <v>7.5281807103033421E-2</v>
      </c>
    </row>
    <row r="33" spans="1:17">
      <c r="A33" s="54" t="s">
        <v>445</v>
      </c>
      <c r="B33" s="123">
        <v>201</v>
      </c>
      <c r="C33" s="124">
        <v>0.29969764551119293</v>
      </c>
      <c r="D33" s="95">
        <v>6.2945084337795082E-2</v>
      </c>
      <c r="E33" s="124">
        <v>0.42200584119799028</v>
      </c>
      <c r="F33" s="95">
        <v>6.7640883216436729E-2</v>
      </c>
      <c r="G33" s="124">
        <v>0.27829651329081678</v>
      </c>
      <c r="H33" s="95">
        <v>6.1639109101641096E-2</v>
      </c>
      <c r="I33" s="125">
        <v>229</v>
      </c>
      <c r="J33" s="124">
        <v>6.4294335714233639E-2</v>
      </c>
      <c r="K33" s="95">
        <v>3.3142806395248761E-2</v>
      </c>
      <c r="L33" s="124">
        <v>0.27937556833493105</v>
      </c>
      <c r="M33" s="95">
        <v>5.7850434096795182E-2</v>
      </c>
      <c r="N33" s="124">
        <v>0.51892830079078345</v>
      </c>
      <c r="O33" s="95">
        <v>6.4157480641164638E-2</v>
      </c>
      <c r="P33" s="124">
        <v>0.1374017951600518</v>
      </c>
      <c r="Q33" s="95">
        <v>4.5032619180135777E-2</v>
      </c>
    </row>
    <row r="34" spans="1:17">
      <c r="A34" s="46" t="s">
        <v>446</v>
      </c>
      <c r="B34" s="126">
        <v>105</v>
      </c>
      <c r="C34" s="127">
        <v>0.32650225539730848</v>
      </c>
      <c r="D34" s="98">
        <v>8.8467775330518583E-2</v>
      </c>
      <c r="E34" s="127">
        <v>0.49876440828913132</v>
      </c>
      <c r="F34" s="98">
        <v>9.3866709990026803E-2</v>
      </c>
      <c r="G34" s="127">
        <v>0.17473333631356017</v>
      </c>
      <c r="H34" s="98">
        <v>7.3149815971215781E-2</v>
      </c>
      <c r="I34" s="128">
        <v>117</v>
      </c>
      <c r="J34" s="127">
        <v>0.10255750436851244</v>
      </c>
      <c r="K34" s="98">
        <v>5.699326206651853E-2</v>
      </c>
      <c r="L34" s="127">
        <v>0.29979571073018479</v>
      </c>
      <c r="M34" s="98">
        <v>8.2142489530368346E-2</v>
      </c>
      <c r="N34" s="127">
        <v>0.43178897526856513</v>
      </c>
      <c r="O34" s="98">
        <v>8.8312379296988625E-2</v>
      </c>
      <c r="P34" s="127">
        <v>0.16585780963273763</v>
      </c>
      <c r="Q34" s="98">
        <v>6.7991918674755195E-2</v>
      </c>
    </row>
    <row r="35" spans="1:17">
      <c r="A35" s="54" t="s">
        <v>447</v>
      </c>
      <c r="B35" s="123">
        <v>96</v>
      </c>
      <c r="C35" s="124">
        <v>0.2592058666333234</v>
      </c>
      <c r="D35" s="95">
        <v>8.6897647104036774E-2</v>
      </c>
      <c r="E35" s="124">
        <v>0.30605224445317991</v>
      </c>
      <c r="F35" s="95">
        <v>9.0951886439931837E-2</v>
      </c>
      <c r="G35" s="124">
        <v>0.43474188891349663</v>
      </c>
      <c r="H35" s="95">
        <v>9.7227706902407229E-2</v>
      </c>
      <c r="I35" s="125">
        <v>112</v>
      </c>
      <c r="J35" s="124">
        <v>6.9713254362995533E-3</v>
      </c>
      <c r="K35" s="95">
        <v>2.7836403681640271E-2</v>
      </c>
      <c r="L35" s="124">
        <v>0.24878364211532591</v>
      </c>
      <c r="M35" s="95">
        <v>7.956724547312112E-2</v>
      </c>
      <c r="N35" s="124">
        <v>0.64947390451886855</v>
      </c>
      <c r="O35" s="95">
        <v>8.7117961808075267E-2</v>
      </c>
      <c r="P35" s="124">
        <v>9.4771127929505969E-2</v>
      </c>
      <c r="Q35" s="95">
        <v>5.6654172949367351E-2</v>
      </c>
    </row>
    <row r="36" spans="1:17" s="5" customFormat="1"/>
    <row r="41" spans="1:17" ht="18.75">
      <c r="A41" s="327" t="s">
        <v>42</v>
      </c>
      <c r="B41" s="327"/>
      <c r="C41" s="327"/>
      <c r="D41" s="327"/>
      <c r="E41" s="327"/>
      <c r="F41" s="327"/>
      <c r="G41" s="327"/>
      <c r="H41" s="327"/>
      <c r="I41" s="327"/>
      <c r="J41" s="327"/>
    </row>
    <row r="42" spans="1:17" ht="69.75" customHeight="1">
      <c r="A42" s="344" t="s">
        <v>352</v>
      </c>
      <c r="B42" s="344"/>
      <c r="C42" s="344"/>
      <c r="D42" s="344"/>
      <c r="E42" s="344"/>
      <c r="F42" s="344"/>
      <c r="G42" s="344"/>
      <c r="H42" s="344"/>
      <c r="I42" s="344"/>
      <c r="J42" s="344"/>
    </row>
    <row r="43" spans="1:17" ht="15.75" customHeight="1">
      <c r="A43" s="110"/>
      <c r="B43" s="341" t="s">
        <v>183</v>
      </c>
      <c r="C43" s="341"/>
      <c r="D43" s="341"/>
      <c r="E43" s="342" t="s">
        <v>184</v>
      </c>
      <c r="F43" s="343"/>
      <c r="G43" s="343"/>
      <c r="H43" s="343"/>
      <c r="I43" s="343"/>
      <c r="J43" s="343"/>
    </row>
    <row r="44" spans="1:17" ht="39" customHeight="1">
      <c r="A44" s="34" t="s">
        <v>114</v>
      </c>
      <c r="B44" s="35" t="s">
        <v>115</v>
      </c>
      <c r="C44" s="36" t="s">
        <v>116</v>
      </c>
      <c r="D44" s="37" t="s">
        <v>117</v>
      </c>
      <c r="E44" s="35" t="s">
        <v>359</v>
      </c>
      <c r="F44" s="90" t="s">
        <v>185</v>
      </c>
      <c r="G44" s="35" t="s">
        <v>360</v>
      </c>
      <c r="H44" s="90" t="s">
        <v>186</v>
      </c>
      <c r="I44" s="35" t="s">
        <v>361</v>
      </c>
      <c r="J44" s="90" t="s">
        <v>187</v>
      </c>
    </row>
    <row r="45" spans="1:17" ht="60">
      <c r="A45" s="38"/>
      <c r="B45" s="39" t="s">
        <v>118</v>
      </c>
      <c r="C45" s="40" t="s">
        <v>355</v>
      </c>
      <c r="D45" s="41" t="s">
        <v>120</v>
      </c>
      <c r="E45" s="130" t="s">
        <v>333</v>
      </c>
      <c r="F45" s="92" t="s">
        <v>148</v>
      </c>
      <c r="G45" s="39" t="s">
        <v>353</v>
      </c>
      <c r="H45" s="92" t="s">
        <v>148</v>
      </c>
      <c r="I45" s="39" t="s">
        <v>354</v>
      </c>
      <c r="J45" s="92" t="s">
        <v>148</v>
      </c>
    </row>
    <row r="46" spans="1:17">
      <c r="A46" s="42" t="s">
        <v>453</v>
      </c>
      <c r="B46" s="131">
        <v>11858</v>
      </c>
      <c r="C46" s="132">
        <v>0.77548608800643792</v>
      </c>
      <c r="D46" s="133">
        <v>3.2101922093001778E-2</v>
      </c>
      <c r="E46" s="134">
        <v>0.56602616126607597</v>
      </c>
      <c r="F46" s="95">
        <v>8.7743816442570448E-3</v>
      </c>
      <c r="G46" s="134">
        <v>0.22525819226624674</v>
      </c>
      <c r="H46" s="95">
        <v>7.3968030445866213E-3</v>
      </c>
      <c r="I46" s="134">
        <v>0.20871564646767732</v>
      </c>
      <c r="J46" s="95">
        <v>7.1958244499205999E-3</v>
      </c>
    </row>
    <row r="47" spans="1:17">
      <c r="A47" s="46" t="s">
        <v>443</v>
      </c>
      <c r="B47" s="135">
        <v>970</v>
      </c>
      <c r="C47" s="136">
        <v>0.79843124797964082</v>
      </c>
      <c r="D47" s="137">
        <v>0.12587898021366117</v>
      </c>
      <c r="E47" s="138">
        <v>0.5556805767327313</v>
      </c>
      <c r="F47" s="98">
        <v>3.0829953594662441E-2</v>
      </c>
      <c r="G47" s="138">
        <v>0.23338889042625335</v>
      </c>
      <c r="H47" s="98">
        <v>2.6284970908772638E-2</v>
      </c>
      <c r="I47" s="138">
        <v>0.21093053284101529</v>
      </c>
      <c r="J47" s="98">
        <v>2.5362295043963513E-2</v>
      </c>
    </row>
    <row r="48" spans="1:17">
      <c r="A48" s="50" t="s">
        <v>434</v>
      </c>
      <c r="B48" s="80">
        <v>269</v>
      </c>
      <c r="C48" s="132">
        <v>0.88627974744346261</v>
      </c>
      <c r="D48" s="82">
        <v>0.26419014411149722</v>
      </c>
      <c r="E48" s="99">
        <v>0.55248679388574118</v>
      </c>
      <c r="F48" s="95">
        <v>5.8994156637981611E-2</v>
      </c>
      <c r="G48" s="99">
        <v>0.21748761921337381</v>
      </c>
      <c r="H48" s="95">
        <v>4.9269704716020997E-2</v>
      </c>
      <c r="I48" s="99">
        <v>0.23002558690088507</v>
      </c>
      <c r="J48" s="95">
        <v>5.0220956517170783E-2</v>
      </c>
    </row>
    <row r="49" spans="1:10" ht="25.5">
      <c r="A49" s="46" t="s">
        <v>438</v>
      </c>
      <c r="B49" s="135">
        <v>59</v>
      </c>
      <c r="C49" s="136">
        <v>0.81989853784043742</v>
      </c>
      <c r="D49" s="137">
        <v>0.45047727877753474</v>
      </c>
      <c r="E49" s="138">
        <v>0.543140463634183</v>
      </c>
      <c r="F49" s="98">
        <v>0.12306466642734314</v>
      </c>
      <c r="G49" s="138">
        <v>0.22756918079145538</v>
      </c>
      <c r="H49" s="98">
        <v>0.1061847814750632</v>
      </c>
      <c r="I49" s="138">
        <v>0.22929035557436167</v>
      </c>
      <c r="J49" s="98">
        <v>0.10641993892827011</v>
      </c>
    </row>
    <row r="50" spans="1:10" ht="38.25">
      <c r="A50" s="54" t="s">
        <v>454</v>
      </c>
      <c r="B50" s="131">
        <v>67</v>
      </c>
      <c r="C50" s="132">
        <v>0.66030506983249226</v>
      </c>
      <c r="D50" s="133">
        <v>0.4115052384580915</v>
      </c>
      <c r="E50" s="134">
        <v>0.59615125526567603</v>
      </c>
      <c r="F50" s="95">
        <v>0.11437356761140118</v>
      </c>
      <c r="G50" s="134">
        <v>0.25046460352239069</v>
      </c>
      <c r="H50" s="95">
        <v>0.10259900071727787</v>
      </c>
      <c r="I50" s="134">
        <v>0.15338414121193328</v>
      </c>
      <c r="J50" s="95">
        <v>8.7966055991746797E-2</v>
      </c>
    </row>
    <row r="51" spans="1:10" ht="25.5">
      <c r="A51" s="46" t="s">
        <v>444</v>
      </c>
      <c r="B51" s="135">
        <v>110</v>
      </c>
      <c r="C51" s="136">
        <v>0.92487039728918419</v>
      </c>
      <c r="D51" s="137">
        <v>0.36238053254091396</v>
      </c>
      <c r="E51" s="138">
        <v>0.55074056942753247</v>
      </c>
      <c r="F51" s="98">
        <v>9.1344311830373587E-2</v>
      </c>
      <c r="G51" s="138">
        <v>0.20923997064160862</v>
      </c>
      <c r="H51" s="98">
        <v>7.597420537189635E-2</v>
      </c>
      <c r="I51" s="138">
        <v>0.24001945993085894</v>
      </c>
      <c r="J51" s="98">
        <v>7.9397308940307748E-2</v>
      </c>
    </row>
    <row r="52" spans="1:10">
      <c r="A52" s="54" t="s">
        <v>445</v>
      </c>
      <c r="B52" s="131">
        <v>228</v>
      </c>
      <c r="C52" s="132">
        <v>0.60444328251126656</v>
      </c>
      <c r="D52" s="133">
        <v>0.22036108948416133</v>
      </c>
      <c r="E52" s="134">
        <v>0.58846562985121997</v>
      </c>
      <c r="F52" s="95">
        <v>6.3360040618797561E-2</v>
      </c>
      <c r="G52" s="134">
        <v>0.24813492345224894</v>
      </c>
      <c r="H52" s="95">
        <v>5.5903051053667295E-2</v>
      </c>
      <c r="I52" s="134">
        <v>0.1633994466965312</v>
      </c>
      <c r="J52" s="95">
        <v>4.8246239743551488E-2</v>
      </c>
    </row>
    <row r="53" spans="1:10">
      <c r="A53" s="46" t="s">
        <v>446</v>
      </c>
      <c r="B53" s="135">
        <v>117</v>
      </c>
      <c r="C53" s="136">
        <v>0.57937906159303298</v>
      </c>
      <c r="D53" s="137">
        <v>0.23650192702383588</v>
      </c>
      <c r="E53" s="138">
        <v>0.58693986384592456</v>
      </c>
      <c r="F53" s="98">
        <v>8.7822660109189682E-2</v>
      </c>
      <c r="G53" s="138">
        <v>0.28784860406853169</v>
      </c>
      <c r="H53" s="98">
        <v>8.1247460456489354E-2</v>
      </c>
      <c r="I53" s="138">
        <v>0.1252115320855437</v>
      </c>
      <c r="J53" s="98">
        <v>6.1380244361084239E-2</v>
      </c>
    </row>
    <row r="54" spans="1:10">
      <c r="A54" s="54" t="s">
        <v>447</v>
      </c>
      <c r="B54" s="131">
        <v>111</v>
      </c>
      <c r="C54" s="132">
        <v>0.64289395536104921</v>
      </c>
      <c r="D54" s="133">
        <v>0.41672202738286185</v>
      </c>
      <c r="E54" s="134">
        <v>0.59080628626764375</v>
      </c>
      <c r="F54" s="95">
        <v>8.9970444352550943E-2</v>
      </c>
      <c r="G54" s="134">
        <v>0.18721071814704504</v>
      </c>
      <c r="H54" s="95">
        <v>7.2845298432379538E-2</v>
      </c>
      <c r="I54" s="134">
        <v>0.22198299558531123</v>
      </c>
      <c r="J54" s="95">
        <v>7.7108972358710282E-2</v>
      </c>
    </row>
    <row r="55" spans="1:10" s="5" customFormat="1"/>
    <row r="60" spans="1:10" ht="18.75">
      <c r="A60" s="327" t="s">
        <v>14</v>
      </c>
      <c r="B60" s="327"/>
      <c r="C60" s="327"/>
      <c r="D60" s="327"/>
    </row>
    <row r="61" spans="1:10" ht="132.75" customHeight="1">
      <c r="A61" s="339" t="s">
        <v>356</v>
      </c>
      <c r="B61" s="339"/>
      <c r="C61" s="339"/>
      <c r="D61" s="339"/>
    </row>
    <row r="62" spans="1:10" ht="37.5" customHeight="1">
      <c r="A62" s="331" t="s">
        <v>188</v>
      </c>
      <c r="B62" s="331"/>
      <c r="C62" s="331"/>
      <c r="D62" s="331"/>
    </row>
    <row r="63" spans="1:10" ht="36" customHeight="1">
      <c r="A63" s="34" t="s">
        <v>114</v>
      </c>
      <c r="B63" s="35" t="s">
        <v>115</v>
      </c>
      <c r="C63" s="36" t="s">
        <v>116</v>
      </c>
      <c r="D63" s="37" t="s">
        <v>117</v>
      </c>
    </row>
    <row r="64" spans="1:10" ht="60">
      <c r="A64" s="38"/>
      <c r="B64" s="39" t="s">
        <v>118</v>
      </c>
      <c r="C64" s="40" t="s">
        <v>189</v>
      </c>
      <c r="D64" s="41" t="s">
        <v>120</v>
      </c>
    </row>
    <row r="65" spans="1:29">
      <c r="A65" s="42" t="s">
        <v>453</v>
      </c>
      <c r="B65" s="139">
        <v>12081</v>
      </c>
      <c r="C65" s="140">
        <v>3.6592151299332296</v>
      </c>
      <c r="D65" s="141">
        <v>3.1248550550141196E-2</v>
      </c>
    </row>
    <row r="66" spans="1:29">
      <c r="A66" s="46" t="s">
        <v>443</v>
      </c>
      <c r="B66" s="142">
        <v>956</v>
      </c>
      <c r="C66" s="143">
        <v>3.4260052160641532</v>
      </c>
      <c r="D66" s="144">
        <v>0.11870360943606872</v>
      </c>
    </row>
    <row r="67" spans="1:29">
      <c r="A67" s="50" t="s">
        <v>434</v>
      </c>
      <c r="B67" s="80">
        <v>259</v>
      </c>
      <c r="C67" s="81">
        <v>3.4610335135148453</v>
      </c>
      <c r="D67" s="141">
        <v>0.17641094765308152</v>
      </c>
    </row>
    <row r="68" spans="1:29" ht="25.5">
      <c r="A68" s="46" t="s">
        <v>438</v>
      </c>
      <c r="B68" s="142">
        <v>55</v>
      </c>
      <c r="C68" s="143">
        <v>3.8005512528320899</v>
      </c>
      <c r="D68" s="144">
        <v>0.31477784605319581</v>
      </c>
    </row>
    <row r="69" spans="1:29" ht="38.25">
      <c r="A69" s="54" t="s">
        <v>454</v>
      </c>
      <c r="B69" s="139">
        <v>66</v>
      </c>
      <c r="C69" s="140">
        <v>3.5524497837920701</v>
      </c>
      <c r="D69" s="141">
        <v>0.35583738027904799</v>
      </c>
    </row>
    <row r="70" spans="1:29" ht="25.5">
      <c r="A70" s="46" t="s">
        <v>444</v>
      </c>
      <c r="B70" s="142">
        <v>105</v>
      </c>
      <c r="C70" s="143">
        <v>3.3102362992363483</v>
      </c>
      <c r="D70" s="144">
        <v>0.22870046476424166</v>
      </c>
    </row>
    <row r="71" spans="1:29">
      <c r="A71" s="54" t="s">
        <v>445</v>
      </c>
      <c r="B71" s="139">
        <v>231</v>
      </c>
      <c r="C71" s="140">
        <v>4.0558143492802676</v>
      </c>
      <c r="D71" s="141">
        <v>0.32542380153799444</v>
      </c>
    </row>
    <row r="72" spans="1:29">
      <c r="A72" s="46" t="s">
        <v>446</v>
      </c>
      <c r="B72" s="142">
        <v>123</v>
      </c>
      <c r="C72" s="143">
        <v>3.8404263324978118</v>
      </c>
      <c r="D72" s="144">
        <v>0.32033891765342881</v>
      </c>
    </row>
    <row r="73" spans="1:29">
      <c r="A73" s="54" t="s">
        <v>447</v>
      </c>
      <c r="B73" s="139">
        <v>108</v>
      </c>
      <c r="C73" s="140">
        <v>4.4138530172147554</v>
      </c>
      <c r="D73" s="141">
        <v>0.60289395992646444</v>
      </c>
    </row>
    <row r="74" spans="1:29" s="5" customFormat="1"/>
    <row r="79" spans="1:29" ht="18.75">
      <c r="A79" s="327" t="s">
        <v>43</v>
      </c>
      <c r="B79" s="327"/>
      <c r="C79" s="327"/>
      <c r="D79" s="327"/>
      <c r="E79" s="327"/>
      <c r="F79" s="327"/>
      <c r="G79" s="327"/>
      <c r="H79" s="327"/>
      <c r="I79" s="327"/>
      <c r="J79" s="327"/>
      <c r="K79" s="327"/>
      <c r="L79" s="327"/>
      <c r="M79" s="327"/>
      <c r="N79" s="327"/>
      <c r="O79" s="327"/>
      <c r="P79" s="327"/>
      <c r="Q79" s="327"/>
      <c r="R79" s="327"/>
      <c r="S79" s="327"/>
      <c r="T79" s="327"/>
      <c r="U79" s="327"/>
      <c r="V79" s="327"/>
      <c r="W79" s="327"/>
      <c r="X79" s="327"/>
      <c r="Y79" s="327"/>
      <c r="Z79" s="327"/>
      <c r="AA79" s="327"/>
      <c r="AB79" s="327"/>
      <c r="AC79" s="327"/>
    </row>
    <row r="80" spans="1:29" ht="57.75" customHeight="1">
      <c r="A80" s="340" t="s">
        <v>358</v>
      </c>
      <c r="B80" s="340"/>
      <c r="C80" s="340"/>
      <c r="D80" s="340"/>
      <c r="E80" s="340"/>
      <c r="F80" s="340"/>
      <c r="G80" s="340"/>
      <c r="H80" s="340"/>
      <c r="I80" s="340"/>
      <c r="J80" s="340"/>
      <c r="K80" s="340"/>
      <c r="L80" s="340"/>
      <c r="M80" s="340"/>
      <c r="N80" s="340"/>
      <c r="O80" s="340"/>
      <c r="P80" s="340"/>
      <c r="Q80" s="340"/>
      <c r="R80" s="340"/>
      <c r="S80" s="340"/>
      <c r="T80" s="340"/>
      <c r="U80" s="340"/>
      <c r="V80" s="340"/>
      <c r="W80" s="340"/>
      <c r="X80" s="340"/>
      <c r="Y80" s="340"/>
      <c r="Z80" s="340"/>
      <c r="AA80" s="340"/>
      <c r="AB80" s="340"/>
      <c r="AC80" s="340"/>
    </row>
    <row r="81" spans="1:29" ht="41.25" customHeight="1">
      <c r="A81" s="61"/>
      <c r="B81" s="338" t="s">
        <v>430</v>
      </c>
      <c r="C81" s="338"/>
      <c r="D81" s="338"/>
      <c r="E81" s="338"/>
      <c r="F81" s="338"/>
      <c r="G81" s="338"/>
      <c r="H81" s="338"/>
      <c r="I81" s="338" t="s">
        <v>190</v>
      </c>
      <c r="J81" s="338"/>
      <c r="K81" s="338"/>
      <c r="L81" s="338"/>
      <c r="M81" s="338"/>
      <c r="N81" s="338"/>
      <c r="O81" s="338"/>
      <c r="P81" s="338" t="s">
        <v>357</v>
      </c>
      <c r="Q81" s="338"/>
      <c r="R81" s="338"/>
      <c r="S81" s="338"/>
      <c r="T81" s="338"/>
      <c r="U81" s="338"/>
      <c r="V81" s="338"/>
      <c r="W81" s="338" t="s">
        <v>191</v>
      </c>
      <c r="X81" s="338"/>
      <c r="Y81" s="338"/>
      <c r="Z81" s="338"/>
      <c r="AA81" s="338"/>
      <c r="AB81" s="338"/>
      <c r="AC81" s="338"/>
    </row>
    <row r="82" spans="1:29" ht="40.5" customHeight="1">
      <c r="A82" s="34" t="s">
        <v>114</v>
      </c>
      <c r="B82" s="35" t="s">
        <v>115</v>
      </c>
      <c r="C82" s="35" t="s">
        <v>300</v>
      </c>
      <c r="D82" s="90" t="s">
        <v>145</v>
      </c>
      <c r="E82" s="35" t="s">
        <v>301</v>
      </c>
      <c r="F82" s="90" t="s">
        <v>146</v>
      </c>
      <c r="G82" s="35" t="s">
        <v>302</v>
      </c>
      <c r="H82" s="90" t="s">
        <v>147</v>
      </c>
      <c r="I82" s="62" t="s">
        <v>115</v>
      </c>
      <c r="J82" s="62" t="s">
        <v>300</v>
      </c>
      <c r="K82" s="89" t="s">
        <v>145</v>
      </c>
      <c r="L82" s="62" t="s">
        <v>301</v>
      </c>
      <c r="M82" s="89" t="s">
        <v>146</v>
      </c>
      <c r="N82" s="62" t="s">
        <v>302</v>
      </c>
      <c r="O82" s="89" t="s">
        <v>147</v>
      </c>
      <c r="P82" s="35" t="s">
        <v>115</v>
      </c>
      <c r="Q82" s="35" t="s">
        <v>300</v>
      </c>
      <c r="R82" s="90" t="s">
        <v>145</v>
      </c>
      <c r="S82" s="35" t="s">
        <v>301</v>
      </c>
      <c r="T82" s="90" t="s">
        <v>146</v>
      </c>
      <c r="U82" s="35" t="s">
        <v>302</v>
      </c>
      <c r="V82" s="90" t="s">
        <v>147</v>
      </c>
      <c r="W82" s="62" t="s">
        <v>115</v>
      </c>
      <c r="X82" s="62" t="s">
        <v>300</v>
      </c>
      <c r="Y82" s="89" t="s">
        <v>145</v>
      </c>
      <c r="Z82" s="62" t="s">
        <v>301</v>
      </c>
      <c r="AA82" s="89" t="s">
        <v>146</v>
      </c>
      <c r="AB82" s="62" t="s">
        <v>302</v>
      </c>
      <c r="AC82" s="89" t="s">
        <v>147</v>
      </c>
    </row>
    <row r="83" spans="1:29" ht="55.5" customHeight="1">
      <c r="A83" s="38"/>
      <c r="B83" s="39" t="s">
        <v>118</v>
      </c>
      <c r="C83" s="39" t="s">
        <v>303</v>
      </c>
      <c r="D83" s="92" t="s">
        <v>148</v>
      </c>
      <c r="E83" s="39" t="s">
        <v>304</v>
      </c>
      <c r="F83" s="92" t="s">
        <v>148</v>
      </c>
      <c r="G83" s="39" t="s">
        <v>305</v>
      </c>
      <c r="H83" s="92" t="s">
        <v>148</v>
      </c>
      <c r="I83" s="65" t="s">
        <v>118</v>
      </c>
      <c r="J83" s="65" t="s">
        <v>303</v>
      </c>
      <c r="K83" s="91" t="s">
        <v>148</v>
      </c>
      <c r="L83" s="65" t="s">
        <v>304</v>
      </c>
      <c r="M83" s="91" t="s">
        <v>148</v>
      </c>
      <c r="N83" s="65" t="s">
        <v>305</v>
      </c>
      <c r="O83" s="91" t="s">
        <v>148</v>
      </c>
      <c r="P83" s="39" t="s">
        <v>118</v>
      </c>
      <c r="Q83" s="39" t="s">
        <v>303</v>
      </c>
      <c r="R83" s="92" t="s">
        <v>148</v>
      </c>
      <c r="S83" s="39" t="s">
        <v>304</v>
      </c>
      <c r="T83" s="92" t="s">
        <v>148</v>
      </c>
      <c r="U83" s="39" t="s">
        <v>305</v>
      </c>
      <c r="V83" s="92" t="s">
        <v>148</v>
      </c>
      <c r="W83" s="65" t="s">
        <v>118</v>
      </c>
      <c r="X83" s="65" t="s">
        <v>303</v>
      </c>
      <c r="Y83" s="91" t="s">
        <v>148</v>
      </c>
      <c r="Z83" s="65" t="s">
        <v>304</v>
      </c>
      <c r="AA83" s="91" t="s">
        <v>148</v>
      </c>
      <c r="AB83" s="65" t="s">
        <v>305</v>
      </c>
      <c r="AC83" s="91" t="s">
        <v>148</v>
      </c>
    </row>
    <row r="84" spans="1:29">
      <c r="A84" s="42" t="s">
        <v>453</v>
      </c>
      <c r="B84" s="145">
        <v>12994</v>
      </c>
      <c r="C84" s="146">
        <v>0.30157218911244787</v>
      </c>
      <c r="D84" s="95">
        <v>7.8904030881576225E-3</v>
      </c>
      <c r="E84" s="146">
        <v>0.21643817540396107</v>
      </c>
      <c r="F84" s="95">
        <v>7.0808389798131073E-3</v>
      </c>
      <c r="G84" s="146">
        <v>0.48198963548359103</v>
      </c>
      <c r="H84" s="95">
        <v>8.5902549420293489E-3</v>
      </c>
      <c r="I84" s="145">
        <v>12227</v>
      </c>
      <c r="J84" s="146">
        <v>0.43236560523333667</v>
      </c>
      <c r="K84" s="95">
        <v>8.7798613112399278E-3</v>
      </c>
      <c r="L84" s="146">
        <v>0.26461043340533963</v>
      </c>
      <c r="M84" s="95">
        <v>7.8185772937253897E-3</v>
      </c>
      <c r="N84" s="146">
        <v>0.3030239613613237</v>
      </c>
      <c r="O84" s="95">
        <v>8.1451405804510088E-3</v>
      </c>
      <c r="P84" s="145">
        <v>12328</v>
      </c>
      <c r="Q84" s="146">
        <v>0.68695975716820068</v>
      </c>
      <c r="R84" s="95">
        <v>8.185174438651634E-3</v>
      </c>
      <c r="S84" s="146">
        <v>0.17304688418317557</v>
      </c>
      <c r="T84" s="95">
        <v>6.678314020086046E-3</v>
      </c>
      <c r="U84" s="146">
        <v>0.13999335864862369</v>
      </c>
      <c r="V84" s="95">
        <v>6.1262610371340676E-3</v>
      </c>
      <c r="W84" s="145">
        <v>12321</v>
      </c>
      <c r="X84" s="146">
        <v>0.39700833910139693</v>
      </c>
      <c r="Y84" s="95">
        <v>8.6382211656053833E-3</v>
      </c>
      <c r="Z84" s="146">
        <v>0.23982893739679853</v>
      </c>
      <c r="AA84" s="95">
        <v>7.5391326073517145E-3</v>
      </c>
      <c r="AB84" s="146">
        <v>0.36316272350180451</v>
      </c>
      <c r="AC84" s="95">
        <v>8.4906098845973169E-3</v>
      </c>
    </row>
    <row r="85" spans="1:29">
      <c r="A85" s="46" t="s">
        <v>443</v>
      </c>
      <c r="B85" s="147">
        <v>1020</v>
      </c>
      <c r="C85" s="148">
        <v>0.32772899475980499</v>
      </c>
      <c r="D85" s="98">
        <v>2.8764952591435109E-2</v>
      </c>
      <c r="E85" s="148">
        <v>0.26595836009511059</v>
      </c>
      <c r="F85" s="98">
        <v>2.7092420295812061E-2</v>
      </c>
      <c r="G85" s="148">
        <v>0.40631264514508453</v>
      </c>
      <c r="H85" s="98">
        <v>3.0086852800960445E-2</v>
      </c>
      <c r="I85" s="147">
        <v>954</v>
      </c>
      <c r="J85" s="148">
        <v>0.46162011433507627</v>
      </c>
      <c r="K85" s="98">
        <v>3.1569726307298915E-2</v>
      </c>
      <c r="L85" s="148">
        <v>0.29546433438460545</v>
      </c>
      <c r="M85" s="98">
        <v>2.8916165469277329E-2</v>
      </c>
      <c r="N85" s="148">
        <v>0.24291555128031828</v>
      </c>
      <c r="O85" s="98">
        <v>2.7197092679322528E-2</v>
      </c>
      <c r="P85" s="147">
        <v>978</v>
      </c>
      <c r="Q85" s="148">
        <v>0.75974638034751318</v>
      </c>
      <c r="R85" s="98">
        <v>2.6762161029946097E-2</v>
      </c>
      <c r="S85" s="148">
        <v>0.12780741749074639</v>
      </c>
      <c r="T85" s="98">
        <v>2.0987824825999809E-2</v>
      </c>
      <c r="U85" s="148">
        <v>0.11244620216174041</v>
      </c>
      <c r="V85" s="98">
        <v>1.9879745670862165E-2</v>
      </c>
      <c r="W85" s="147">
        <v>976</v>
      </c>
      <c r="X85" s="148">
        <v>0.53613526527663047</v>
      </c>
      <c r="Y85" s="98">
        <v>3.1223759062099139E-2</v>
      </c>
      <c r="Z85" s="148">
        <v>0.22959897095268392</v>
      </c>
      <c r="AA85" s="98">
        <v>2.6376456002284908E-2</v>
      </c>
      <c r="AB85" s="148">
        <v>0.23426576377068559</v>
      </c>
      <c r="AC85" s="98">
        <v>2.6560223942078538E-2</v>
      </c>
    </row>
    <row r="86" spans="1:29">
      <c r="A86" s="50" t="s">
        <v>434</v>
      </c>
      <c r="B86" s="80">
        <v>273</v>
      </c>
      <c r="C86" s="99">
        <v>0.27933080160527174</v>
      </c>
      <c r="D86" s="95">
        <v>5.3020577702087533E-2</v>
      </c>
      <c r="E86" s="99">
        <v>0.3098634965302845</v>
      </c>
      <c r="F86" s="95">
        <v>5.4590730152140179E-2</v>
      </c>
      <c r="G86" s="99">
        <v>0.41080570186444382</v>
      </c>
      <c r="H86" s="95">
        <v>5.7965319291381663E-2</v>
      </c>
      <c r="I86" s="80">
        <v>259</v>
      </c>
      <c r="J86" s="99">
        <v>0.42805651691590874</v>
      </c>
      <c r="K86" s="95">
        <v>5.9819647284183201E-2</v>
      </c>
      <c r="L86" s="99">
        <v>0.33869988721490046</v>
      </c>
      <c r="M86" s="95">
        <v>5.7298746069326618E-2</v>
      </c>
      <c r="N86" s="99">
        <v>0.2332435958691908</v>
      </c>
      <c r="O86" s="95">
        <v>5.1416723496105279E-2</v>
      </c>
      <c r="P86" s="80">
        <v>261</v>
      </c>
      <c r="Q86" s="99">
        <v>0.82289701349063837</v>
      </c>
      <c r="R86" s="95">
        <v>4.6454100264868098E-2</v>
      </c>
      <c r="S86" s="99">
        <v>0.12007374895828303</v>
      </c>
      <c r="T86" s="95">
        <v>3.9929272159240345E-2</v>
      </c>
      <c r="U86" s="99">
        <v>5.7029237551078651E-2</v>
      </c>
      <c r="V86" s="95">
        <v>2.9407620192942126E-2</v>
      </c>
      <c r="W86" s="80">
        <v>259</v>
      </c>
      <c r="X86" s="99">
        <v>0.47070955774186929</v>
      </c>
      <c r="Y86" s="95">
        <v>6.0328746620665417E-2</v>
      </c>
      <c r="Z86" s="99">
        <v>0.43686100385228088</v>
      </c>
      <c r="AA86" s="95">
        <v>5.9960304937055807E-2</v>
      </c>
      <c r="AB86" s="99">
        <v>9.2429438405849926E-2</v>
      </c>
      <c r="AC86" s="95">
        <v>3.6035519993812819E-2</v>
      </c>
    </row>
    <row r="87" spans="1:29" ht="25.5">
      <c r="A87" s="46" t="s">
        <v>438</v>
      </c>
      <c r="B87" s="147">
        <v>57</v>
      </c>
      <c r="C87" s="148">
        <v>0.45343516865894751</v>
      </c>
      <c r="D87" s="98">
        <v>0.12500012602460406</v>
      </c>
      <c r="E87" s="148">
        <v>0.21477743003194644</v>
      </c>
      <c r="F87" s="98">
        <v>0.10616420133678418</v>
      </c>
      <c r="G87" s="148">
        <v>0.33178740130910606</v>
      </c>
      <c r="H87" s="98">
        <v>0.11911479621708115</v>
      </c>
      <c r="I87" s="147">
        <v>55</v>
      </c>
      <c r="J87" s="148">
        <v>0.20850064968566945</v>
      </c>
      <c r="K87" s="98">
        <v>0.10709833024717649</v>
      </c>
      <c r="L87" s="148">
        <v>0.42238046121359518</v>
      </c>
      <c r="M87" s="98">
        <v>0.12624210379089457</v>
      </c>
      <c r="N87" s="148">
        <v>0.36911888910073537</v>
      </c>
      <c r="O87" s="98">
        <v>0.12372839991200131</v>
      </c>
      <c r="P87" s="147">
        <v>55</v>
      </c>
      <c r="Q87" s="148">
        <v>0.70252112380006515</v>
      </c>
      <c r="R87" s="98">
        <v>0.11814080291347191</v>
      </c>
      <c r="S87" s="148">
        <v>0.16836296280700938</v>
      </c>
      <c r="T87" s="98">
        <v>0.10027390094209113</v>
      </c>
      <c r="U87" s="148">
        <v>0.1291159133929255</v>
      </c>
      <c r="V87" s="98">
        <v>9.216708499718794E-2</v>
      </c>
      <c r="W87" s="147">
        <v>55</v>
      </c>
      <c r="X87" s="148">
        <v>0.25527569505267023</v>
      </c>
      <c r="Y87" s="98">
        <v>0.11353081536005062</v>
      </c>
      <c r="Z87" s="148">
        <v>0.64985595765674797</v>
      </c>
      <c r="AA87" s="98">
        <v>0.12250430869386116</v>
      </c>
      <c r="AB87" s="148">
        <v>9.4868347290581856E-2</v>
      </c>
      <c r="AC87" s="98">
        <v>8.3612202901973326E-2</v>
      </c>
    </row>
    <row r="88" spans="1:29" ht="38.25">
      <c r="A88" s="54" t="s">
        <v>454</v>
      </c>
      <c r="B88" s="145">
        <v>68</v>
      </c>
      <c r="C88" s="146">
        <v>0.41311448876824869</v>
      </c>
      <c r="D88" s="95">
        <v>0.11392810768819139</v>
      </c>
      <c r="E88" s="146">
        <v>0.2432871438756862</v>
      </c>
      <c r="F88" s="95">
        <v>0.10100750378174304</v>
      </c>
      <c r="G88" s="146">
        <v>0.34359836735606508</v>
      </c>
      <c r="H88" s="95">
        <v>0.11033912513294977</v>
      </c>
      <c r="I88" s="145">
        <v>65</v>
      </c>
      <c r="J88" s="146">
        <v>0.45943437143758342</v>
      </c>
      <c r="K88" s="95">
        <v>0.11763306215331669</v>
      </c>
      <c r="L88" s="146">
        <v>0.26759297449627434</v>
      </c>
      <c r="M88" s="95">
        <v>0.10606695990217364</v>
      </c>
      <c r="N88" s="146">
        <v>0.27297265406614224</v>
      </c>
      <c r="O88" s="95">
        <v>0.10664105998604489</v>
      </c>
      <c r="P88" s="145">
        <v>65</v>
      </c>
      <c r="Q88" s="146">
        <v>0.68946502149619504</v>
      </c>
      <c r="R88" s="95">
        <v>0.11020555848525744</v>
      </c>
      <c r="S88" s="146">
        <v>8.8349321760275948E-2</v>
      </c>
      <c r="T88" s="95">
        <v>7.4474521527815044E-2</v>
      </c>
      <c r="U88" s="146">
        <v>0.22218565674352903</v>
      </c>
      <c r="V88" s="95">
        <v>0.10052632052662261</v>
      </c>
      <c r="W88" s="145">
        <v>66</v>
      </c>
      <c r="X88" s="146">
        <v>0.48136973643352005</v>
      </c>
      <c r="Y88" s="95">
        <v>0.11706009828608066</v>
      </c>
      <c r="Z88" s="146">
        <v>0.35870726279523751</v>
      </c>
      <c r="AA88" s="95">
        <v>0.11289831717224391</v>
      </c>
      <c r="AB88" s="146">
        <v>0.15992300077124244</v>
      </c>
      <c r="AC88" s="95">
        <v>8.9875719293592754E-2</v>
      </c>
    </row>
    <row r="89" spans="1:29" ht="25.5">
      <c r="A89" s="46" t="s">
        <v>444</v>
      </c>
      <c r="B89" s="147">
        <v>113</v>
      </c>
      <c r="C89" s="148">
        <v>0.20589864326838722</v>
      </c>
      <c r="D89" s="98">
        <v>7.4561406964551727E-2</v>
      </c>
      <c r="E89" s="148">
        <v>0.34867268622856434</v>
      </c>
      <c r="F89" s="98">
        <v>8.6643977156724741E-2</v>
      </c>
      <c r="G89" s="148">
        <v>0.44542867050304841</v>
      </c>
      <c r="H89" s="98">
        <v>9.0096267494774535E-2</v>
      </c>
      <c r="I89" s="147">
        <v>107</v>
      </c>
      <c r="J89" s="148">
        <v>0.51602545342217299</v>
      </c>
      <c r="K89" s="98">
        <v>9.2973077700864229E-2</v>
      </c>
      <c r="L89" s="148">
        <v>0.30956382916839198</v>
      </c>
      <c r="M89" s="98">
        <v>8.6521407481519708E-2</v>
      </c>
      <c r="N89" s="148">
        <v>0.17441071740943498</v>
      </c>
      <c r="O89" s="98">
        <v>7.2409006044328802E-2</v>
      </c>
      <c r="P89" s="147">
        <v>108</v>
      </c>
      <c r="Q89" s="148">
        <v>0.87601402674425244</v>
      </c>
      <c r="R89" s="98">
        <v>6.3762471524307252E-2</v>
      </c>
      <c r="S89" s="148">
        <v>0.10989727919287247</v>
      </c>
      <c r="T89" s="98">
        <v>6.1003318681134351E-2</v>
      </c>
      <c r="U89" s="148">
        <v>1.4088694062875065E-2</v>
      </c>
      <c r="V89" s="98">
        <v>3.2319856966821117E-2</v>
      </c>
      <c r="W89" s="147">
        <v>105</v>
      </c>
      <c r="X89" s="148">
        <v>0.54755159540746112</v>
      </c>
      <c r="Y89" s="98">
        <v>9.3472234488427772E-2</v>
      </c>
      <c r="Z89" s="148">
        <v>0.37924334615245386</v>
      </c>
      <c r="AA89" s="98">
        <v>9.1291305797004285E-2</v>
      </c>
      <c r="AB89" s="148">
        <v>7.3205058440084958E-2</v>
      </c>
      <c r="AC89" s="98">
        <v>5.3420080671942718E-2</v>
      </c>
    </row>
    <row r="90" spans="1:29">
      <c r="A90" s="54" t="s">
        <v>445</v>
      </c>
      <c r="B90" s="145">
        <v>238</v>
      </c>
      <c r="C90" s="146">
        <v>0.24121815683463582</v>
      </c>
      <c r="D90" s="95">
        <v>5.4225192057117462E-2</v>
      </c>
      <c r="E90" s="146">
        <v>0.21445453899291286</v>
      </c>
      <c r="F90" s="95">
        <v>5.2121901493993136E-2</v>
      </c>
      <c r="G90" s="146">
        <v>0.54432730417245134</v>
      </c>
      <c r="H90" s="95">
        <v>6.2756879498329712E-2</v>
      </c>
      <c r="I90" s="145">
        <v>225</v>
      </c>
      <c r="J90" s="146">
        <v>0.38256734211312143</v>
      </c>
      <c r="K90" s="95">
        <v>6.3012345764793878E-2</v>
      </c>
      <c r="L90" s="146">
        <v>0.27668083142268957</v>
      </c>
      <c r="M90" s="95">
        <v>5.8191385273284102E-2</v>
      </c>
      <c r="N90" s="146">
        <v>0.340751826464189</v>
      </c>
      <c r="O90" s="95">
        <v>6.150765187691757E-2</v>
      </c>
      <c r="P90" s="145">
        <v>231</v>
      </c>
      <c r="Q90" s="146">
        <v>0.56993411082666812</v>
      </c>
      <c r="R90" s="95">
        <v>6.3321057719933502E-2</v>
      </c>
      <c r="S90" s="146">
        <v>0.14566043880384086</v>
      </c>
      <c r="T90" s="95">
        <v>4.5864848883317912E-2</v>
      </c>
      <c r="U90" s="146">
        <v>0.28440545036949105</v>
      </c>
      <c r="V90" s="95">
        <v>5.7901806339890879E-2</v>
      </c>
      <c r="W90" s="145">
        <v>231</v>
      </c>
      <c r="X90" s="146">
        <v>0.33547464960583961</v>
      </c>
      <c r="Y90" s="95">
        <v>6.0491713742846093E-2</v>
      </c>
      <c r="Z90" s="146">
        <v>0.35111659396026978</v>
      </c>
      <c r="AA90" s="95">
        <v>6.1128405100703241E-2</v>
      </c>
      <c r="AB90" s="146">
        <v>0.31340875643389066</v>
      </c>
      <c r="AC90" s="95">
        <v>5.9471580266164885E-2</v>
      </c>
    </row>
    <row r="91" spans="1:29">
      <c r="A91" s="46" t="s">
        <v>446</v>
      </c>
      <c r="B91" s="147">
        <v>124</v>
      </c>
      <c r="C91" s="148">
        <v>0.24444303212464227</v>
      </c>
      <c r="D91" s="98">
        <v>7.5257023862772554E-2</v>
      </c>
      <c r="E91" s="148">
        <v>0.18160883458185614</v>
      </c>
      <c r="F91" s="98">
        <v>6.8175157597532177E-2</v>
      </c>
      <c r="G91" s="148">
        <v>0.57394813329350158</v>
      </c>
      <c r="H91" s="98">
        <v>8.5726915061300493E-2</v>
      </c>
      <c r="I91" s="147">
        <v>119</v>
      </c>
      <c r="J91" s="148">
        <v>0.42428243198002508</v>
      </c>
      <c r="K91" s="98">
        <v>8.7410103596161817E-2</v>
      </c>
      <c r="L91" s="148">
        <v>0.32633449353609251</v>
      </c>
      <c r="M91" s="98">
        <v>8.3225213255878366E-2</v>
      </c>
      <c r="N91" s="148">
        <v>0.24938307448388242</v>
      </c>
      <c r="O91" s="98">
        <v>7.7278495283430906E-2</v>
      </c>
      <c r="P91" s="147">
        <v>122</v>
      </c>
      <c r="Q91" s="148">
        <v>0.64780864694618479</v>
      </c>
      <c r="R91" s="98">
        <v>8.3652497437542953E-2</v>
      </c>
      <c r="S91" s="148">
        <v>0.15910684380462403</v>
      </c>
      <c r="T91" s="98">
        <v>6.557858122322692E-2</v>
      </c>
      <c r="U91" s="148">
        <v>0.19308450924919116</v>
      </c>
      <c r="V91" s="98">
        <v>7.0211889030321967E-2</v>
      </c>
      <c r="W91" s="147">
        <v>123</v>
      </c>
      <c r="X91" s="148">
        <v>0.3812951720994458</v>
      </c>
      <c r="Y91" s="98">
        <v>8.4630963348621732E-2</v>
      </c>
      <c r="Z91" s="148">
        <v>0.3634990207910937</v>
      </c>
      <c r="AA91" s="98">
        <v>8.3866185521587241E-2</v>
      </c>
      <c r="AB91" s="148">
        <v>0.2552058071094605</v>
      </c>
      <c r="AC91" s="98">
        <v>7.6563386899133737E-2</v>
      </c>
    </row>
    <row r="92" spans="1:29">
      <c r="A92" s="54" t="s">
        <v>447</v>
      </c>
      <c r="B92" s="145">
        <v>114</v>
      </c>
      <c r="C92" s="146">
        <v>0.23623949653385265</v>
      </c>
      <c r="D92" s="95">
        <v>7.7621066353493848E-2</v>
      </c>
      <c r="E92" s="146">
        <v>0.26516273385221251</v>
      </c>
      <c r="F92" s="95">
        <v>8.0394220132426156E-2</v>
      </c>
      <c r="G92" s="146">
        <v>0.49859776961393493</v>
      </c>
      <c r="H92" s="95">
        <v>9.0215981422684943E-2</v>
      </c>
      <c r="I92" s="145">
        <v>106</v>
      </c>
      <c r="J92" s="146">
        <v>0.31233933713055179</v>
      </c>
      <c r="K92" s="95">
        <v>8.7113949393562692E-2</v>
      </c>
      <c r="L92" s="146">
        <v>0.19308811613839372</v>
      </c>
      <c r="M92" s="95">
        <v>7.5340402799353154E-2</v>
      </c>
      <c r="N92" s="146">
        <v>0.4945725467310545</v>
      </c>
      <c r="O92" s="95">
        <v>9.3434221754194829E-2</v>
      </c>
      <c r="P92" s="145">
        <v>109</v>
      </c>
      <c r="Q92" s="146">
        <v>0.44892247742639713</v>
      </c>
      <c r="R92" s="95">
        <v>9.1741971303282738E-2</v>
      </c>
      <c r="S92" s="146">
        <v>0.12476565709998497</v>
      </c>
      <c r="T92" s="95">
        <v>6.3602447976461723E-2</v>
      </c>
      <c r="U92" s="146">
        <v>0.42631186547361793</v>
      </c>
      <c r="V92" s="95">
        <v>9.1254336318409998E-2</v>
      </c>
      <c r="W92" s="145">
        <v>108</v>
      </c>
      <c r="X92" s="146">
        <v>0.25930737213727562</v>
      </c>
      <c r="Y92" s="95">
        <v>8.2020127161287801E-2</v>
      </c>
      <c r="Z92" s="146">
        <v>0.33053333369104948</v>
      </c>
      <c r="AA92" s="95">
        <v>8.7515969724770007E-2</v>
      </c>
      <c r="AB92" s="146">
        <v>0.41015929417167485</v>
      </c>
      <c r="AC92" s="95">
        <v>9.1200736310819389E-2</v>
      </c>
    </row>
    <row r="93" spans="1:29" s="5" customFormat="1"/>
  </sheetData>
  <mergeCells count="20">
    <mergeCell ref="A3:D3"/>
    <mergeCell ref="A4:D4"/>
    <mergeCell ref="A5:D5"/>
    <mergeCell ref="A22:Q22"/>
    <mergeCell ref="A23:Q23"/>
    <mergeCell ref="B24:H24"/>
    <mergeCell ref="I24:Q24"/>
    <mergeCell ref="B43:D43"/>
    <mergeCell ref="E43:J43"/>
    <mergeCell ref="A42:J42"/>
    <mergeCell ref="A41:J41"/>
    <mergeCell ref="B81:H81"/>
    <mergeCell ref="I81:O81"/>
    <mergeCell ref="P81:V81"/>
    <mergeCell ref="W81:AC81"/>
    <mergeCell ref="A60:D60"/>
    <mergeCell ref="A61:D61"/>
    <mergeCell ref="A62:D62"/>
    <mergeCell ref="A79:AC79"/>
    <mergeCell ref="A80:AC80"/>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12"/>
  <sheetViews>
    <sheetView topLeftCell="A94" workbookViewId="0">
      <selection activeCell="A107" sqref="A107"/>
    </sheetView>
  </sheetViews>
  <sheetFormatPr defaultColWidth="16.5703125" defaultRowHeight="15"/>
  <cols>
    <col min="1" max="1" width="30.5703125" customWidth="1"/>
  </cols>
  <sheetData>
    <row r="1" spans="1:15" ht="31.5">
      <c r="A1" s="30" t="s">
        <v>48</v>
      </c>
    </row>
    <row r="3" spans="1:15" ht="18.75">
      <c r="A3" s="327" t="s">
        <v>6</v>
      </c>
      <c r="B3" s="327"/>
      <c r="C3" s="327"/>
      <c r="D3" s="327"/>
      <c r="E3" s="327"/>
      <c r="F3" s="327"/>
      <c r="G3" s="327"/>
      <c r="H3" s="327"/>
      <c r="I3" s="327"/>
      <c r="J3" s="327"/>
      <c r="K3" s="327"/>
      <c r="L3" s="327"/>
      <c r="M3" s="327"/>
      <c r="N3" s="327"/>
      <c r="O3" s="327"/>
    </row>
    <row r="4" spans="1:15" ht="22.5" customHeight="1">
      <c r="A4" s="340" t="s">
        <v>192</v>
      </c>
      <c r="B4" s="340"/>
      <c r="C4" s="340"/>
      <c r="D4" s="340"/>
      <c r="E4" s="340"/>
      <c r="F4" s="340"/>
      <c r="G4" s="340"/>
      <c r="H4" s="340"/>
      <c r="I4" s="340"/>
      <c r="J4" s="340"/>
      <c r="K4" s="340"/>
      <c r="L4" s="340"/>
      <c r="M4" s="340"/>
      <c r="N4" s="340"/>
      <c r="O4" s="340"/>
    </row>
    <row r="5" spans="1:15" ht="34.5" customHeight="1">
      <c r="A5" s="329" t="s">
        <v>193</v>
      </c>
      <c r="B5" s="329"/>
      <c r="C5" s="329"/>
      <c r="D5" s="329"/>
      <c r="E5" s="351" t="s">
        <v>35</v>
      </c>
      <c r="F5" s="351"/>
      <c r="G5" s="351"/>
      <c r="H5" s="351"/>
      <c r="I5" s="351"/>
      <c r="J5" s="351"/>
      <c r="K5" s="351"/>
      <c r="L5" s="351"/>
      <c r="M5" s="351"/>
      <c r="N5" s="351"/>
      <c r="O5" s="351"/>
    </row>
    <row r="6" spans="1:15" ht="39" customHeight="1">
      <c r="A6" s="34" t="s">
        <v>114</v>
      </c>
      <c r="B6" s="35" t="s">
        <v>115</v>
      </c>
      <c r="C6" s="36" t="s">
        <v>116</v>
      </c>
      <c r="D6" s="37" t="s">
        <v>117</v>
      </c>
      <c r="E6" s="35" t="s">
        <v>115</v>
      </c>
      <c r="F6" s="35" t="s">
        <v>363</v>
      </c>
      <c r="G6" s="90" t="s">
        <v>253</v>
      </c>
      <c r="H6" s="35" t="s">
        <v>362</v>
      </c>
      <c r="I6" s="90" t="s">
        <v>367</v>
      </c>
      <c r="J6" s="35" t="s">
        <v>194</v>
      </c>
      <c r="K6" s="90" t="s">
        <v>369</v>
      </c>
      <c r="L6" s="35" t="s">
        <v>364</v>
      </c>
      <c r="M6" s="90" t="s">
        <v>370</v>
      </c>
      <c r="N6" s="35" t="s">
        <v>365</v>
      </c>
      <c r="O6" s="90" t="s">
        <v>373</v>
      </c>
    </row>
    <row r="7" spans="1:15" ht="84">
      <c r="A7" s="38"/>
      <c r="B7" s="39" t="s">
        <v>118</v>
      </c>
      <c r="C7" s="40" t="s">
        <v>196</v>
      </c>
      <c r="D7" s="41" t="s">
        <v>120</v>
      </c>
      <c r="E7" s="39" t="s">
        <v>118</v>
      </c>
      <c r="F7" s="39" t="s">
        <v>368</v>
      </c>
      <c r="G7" s="92" t="s">
        <v>148</v>
      </c>
      <c r="H7" s="39" t="s">
        <v>366</v>
      </c>
      <c r="I7" s="92" t="s">
        <v>148</v>
      </c>
      <c r="J7" s="39" t="s">
        <v>334</v>
      </c>
      <c r="K7" s="92" t="s">
        <v>148</v>
      </c>
      <c r="L7" s="39" t="s">
        <v>371</v>
      </c>
      <c r="M7" s="92" t="s">
        <v>148</v>
      </c>
      <c r="N7" s="39" t="s">
        <v>372</v>
      </c>
      <c r="O7" s="92" t="s">
        <v>148</v>
      </c>
    </row>
    <row r="8" spans="1:15">
      <c r="A8" s="42" t="s">
        <v>442</v>
      </c>
      <c r="B8" s="149">
        <v>12294</v>
      </c>
      <c r="C8" s="150">
        <v>3.283860702618981</v>
      </c>
      <c r="D8" s="133">
        <v>3.0407773516440084E-2</v>
      </c>
      <c r="E8" s="123">
        <v>12294</v>
      </c>
      <c r="F8" s="151">
        <v>5.1752716458454182E-2</v>
      </c>
      <c r="G8" s="95">
        <v>3.8570487635305982E-3</v>
      </c>
      <c r="H8" s="152">
        <v>0.17686548645601688</v>
      </c>
      <c r="I8" s="95">
        <v>6.6362649748039071E-3</v>
      </c>
      <c r="J8" s="152">
        <v>0.32702119587216988</v>
      </c>
      <c r="K8" s="95">
        <v>8.1578547243698202E-3</v>
      </c>
      <c r="L8" s="152">
        <v>0.32448958043481174</v>
      </c>
      <c r="M8" s="95">
        <v>8.1414985895763015E-3</v>
      </c>
      <c r="N8" s="152">
        <v>0.11987102077854735</v>
      </c>
      <c r="O8" s="95">
        <v>5.6504906416612235E-3</v>
      </c>
    </row>
    <row r="9" spans="1:15">
      <c r="A9" s="46" t="s">
        <v>443</v>
      </c>
      <c r="B9" s="153">
        <v>1000</v>
      </c>
      <c r="C9" s="154">
        <v>3.3031197582485587</v>
      </c>
      <c r="D9" s="137">
        <v>0.1058592792732429</v>
      </c>
      <c r="E9" s="126">
        <v>1000</v>
      </c>
      <c r="F9" s="155">
        <v>3.2566337416698149E-2</v>
      </c>
      <c r="G9" s="98">
        <v>1.1139018261008209E-2</v>
      </c>
      <c r="H9" s="156">
        <v>0.16490546052360608</v>
      </c>
      <c r="I9" s="98">
        <v>2.2757037719429263E-2</v>
      </c>
      <c r="J9" s="156">
        <v>0.3815774500247523</v>
      </c>
      <c r="K9" s="98">
        <v>2.9702549762962563E-2</v>
      </c>
      <c r="L9" s="156">
        <v>0.30874361046432575</v>
      </c>
      <c r="M9" s="98">
        <v>2.8259661697461053E-2</v>
      </c>
      <c r="N9" s="156">
        <v>0.11220714157061772</v>
      </c>
      <c r="O9" s="98">
        <v>1.9406930974442436E-2</v>
      </c>
    </row>
    <row r="10" spans="1:15" ht="30" customHeight="1">
      <c r="A10" s="50" t="s">
        <v>434</v>
      </c>
      <c r="B10" s="51">
        <v>274</v>
      </c>
      <c r="C10" s="52">
        <v>3.3305858762368126</v>
      </c>
      <c r="D10" s="53">
        <v>0.21244753578322229</v>
      </c>
      <c r="E10" s="80">
        <v>274</v>
      </c>
      <c r="F10" s="99">
        <v>4.0919977966385204E-2</v>
      </c>
      <c r="G10" s="95">
        <v>2.5010562803242584E-2</v>
      </c>
      <c r="H10" s="99">
        <v>0.17574361421698928</v>
      </c>
      <c r="I10" s="95">
        <v>4.5202403369561037E-2</v>
      </c>
      <c r="J10" s="99">
        <v>0.30537540846251782</v>
      </c>
      <c r="K10" s="95">
        <v>5.4278870213695374E-2</v>
      </c>
      <c r="L10" s="99">
        <v>0.36775255232164294</v>
      </c>
      <c r="M10" s="95">
        <v>5.6744166026794544E-2</v>
      </c>
      <c r="N10" s="99">
        <v>0.11020844703246475</v>
      </c>
      <c r="O10" s="95">
        <v>3.7617579010702049E-2</v>
      </c>
    </row>
    <row r="11" spans="1:15" ht="25.5">
      <c r="A11" s="46" t="s">
        <v>438</v>
      </c>
      <c r="B11" s="153">
        <v>59</v>
      </c>
      <c r="C11" s="154">
        <v>3.2889412786004963</v>
      </c>
      <c r="D11" s="137">
        <v>0.44551450849413365</v>
      </c>
      <c r="E11" s="126">
        <v>59</v>
      </c>
      <c r="F11" s="155">
        <v>7.6600251306688225E-2</v>
      </c>
      <c r="G11" s="98">
        <v>7.5214080211974996E-2</v>
      </c>
      <c r="H11" s="156">
        <v>0.12391542872930607</v>
      </c>
      <c r="I11" s="98">
        <v>8.7636750608996131E-2</v>
      </c>
      <c r="J11" s="156">
        <v>0.2842328775176462</v>
      </c>
      <c r="K11" s="98">
        <v>0.11293644688879698</v>
      </c>
      <c r="L11" s="156">
        <v>0.46444567494954014</v>
      </c>
      <c r="M11" s="98">
        <v>0.12319431543103702</v>
      </c>
      <c r="N11" s="156">
        <v>5.0805767496819379E-2</v>
      </c>
      <c r="O11" s="98">
        <v>6.673391509284457E-2</v>
      </c>
    </row>
    <row r="12" spans="1:15" ht="38.25">
      <c r="A12" s="54" t="s">
        <v>454</v>
      </c>
      <c r="B12" s="149">
        <v>67</v>
      </c>
      <c r="C12" s="150">
        <v>3.3498891807520392</v>
      </c>
      <c r="D12" s="133">
        <v>0.43535732590266374</v>
      </c>
      <c r="E12" s="123">
        <v>67</v>
      </c>
      <c r="F12" s="151">
        <v>8.7390404589858958E-2</v>
      </c>
      <c r="G12" s="95">
        <v>7.2965057591372812E-2</v>
      </c>
      <c r="H12" s="152">
        <v>0.17717132757626783</v>
      </c>
      <c r="I12" s="95">
        <v>9.2224130345976665E-2</v>
      </c>
      <c r="J12" s="152">
        <v>0.16270628222146113</v>
      </c>
      <c r="K12" s="95">
        <v>8.9695109952237922E-2</v>
      </c>
      <c r="L12" s="152">
        <v>0.44362265371679915</v>
      </c>
      <c r="M12" s="95">
        <v>0.11564435992657425</v>
      </c>
      <c r="N12" s="152">
        <v>0.12910933189561294</v>
      </c>
      <c r="O12" s="95">
        <v>8.3059143890217818E-2</v>
      </c>
    </row>
    <row r="13" spans="1:15" ht="25.5">
      <c r="A13" s="46" t="s">
        <v>444</v>
      </c>
      <c r="B13" s="153">
        <v>113</v>
      </c>
      <c r="C13" s="154">
        <v>3.3310096195516556</v>
      </c>
      <c r="D13" s="137">
        <v>0.28073599162428442</v>
      </c>
      <c r="E13" s="126">
        <v>113</v>
      </c>
      <c r="F13" s="155">
        <v>2.5440656876261916E-2</v>
      </c>
      <c r="G13" s="98">
        <v>3.6208209492449114E-2</v>
      </c>
      <c r="H13" s="156">
        <v>0.20021815456869146</v>
      </c>
      <c r="I13" s="98">
        <v>7.3865283646008237E-2</v>
      </c>
      <c r="J13" s="156">
        <v>0.31705498096069795</v>
      </c>
      <c r="K13" s="98">
        <v>8.4755407687710616E-2</v>
      </c>
      <c r="L13" s="156">
        <v>0.33246332731582645</v>
      </c>
      <c r="M13" s="98">
        <v>8.5725597734872136E-2</v>
      </c>
      <c r="N13" s="156">
        <v>0.12482288027852223</v>
      </c>
      <c r="O13" s="98">
        <v>6.2429851375973427E-2</v>
      </c>
    </row>
    <row r="14" spans="1:15">
      <c r="A14" s="54" t="s">
        <v>445</v>
      </c>
      <c r="B14" s="149">
        <v>239</v>
      </c>
      <c r="C14" s="150">
        <v>3.5047750811744014</v>
      </c>
      <c r="D14" s="133">
        <v>0.18066167431745361</v>
      </c>
      <c r="E14" s="123">
        <v>239</v>
      </c>
      <c r="F14" s="151">
        <v>6.8468893396833866E-3</v>
      </c>
      <c r="G14" s="95">
        <v>1.5265531327088182E-2</v>
      </c>
      <c r="H14" s="152">
        <v>9.8370877879767282E-2</v>
      </c>
      <c r="I14" s="95">
        <v>3.8541298662354298E-2</v>
      </c>
      <c r="J14" s="152">
        <v>0.38993341548839755</v>
      </c>
      <c r="K14" s="95">
        <v>6.1375854425448087E-2</v>
      </c>
      <c r="L14" s="152">
        <v>0.392857896850768</v>
      </c>
      <c r="M14" s="95">
        <v>6.1454941936086208E-2</v>
      </c>
      <c r="N14" s="152">
        <v>0.11199092044138377</v>
      </c>
      <c r="O14" s="95">
        <v>4.0619024221763306E-2</v>
      </c>
    </row>
    <row r="15" spans="1:15">
      <c r="A15" s="46" t="s">
        <v>446</v>
      </c>
      <c r="B15" s="153">
        <v>124</v>
      </c>
      <c r="C15" s="154">
        <v>3.5278194790378596</v>
      </c>
      <c r="D15" s="137">
        <v>0.24575748460000169</v>
      </c>
      <c r="E15" s="126">
        <v>124</v>
      </c>
      <c r="F15" s="155">
        <v>1.0402326858502772E-2</v>
      </c>
      <c r="G15" s="98">
        <v>2.7414639681854945E-2</v>
      </c>
      <c r="H15" s="156">
        <v>9.5358264805838464E-2</v>
      </c>
      <c r="I15" s="98">
        <v>5.3771389193481997E-2</v>
      </c>
      <c r="J15" s="156">
        <v>0.38305765410129838</v>
      </c>
      <c r="K15" s="98">
        <v>8.4367885720496028E-2</v>
      </c>
      <c r="L15" s="156">
        <v>0.3783811109080169</v>
      </c>
      <c r="M15" s="98">
        <v>8.4181452467788229E-2</v>
      </c>
      <c r="N15" s="156">
        <v>0.13280064332634345</v>
      </c>
      <c r="O15" s="98">
        <v>6.0871572060220501E-2</v>
      </c>
    </row>
    <row r="16" spans="1:15">
      <c r="A16" s="54" t="s">
        <v>447</v>
      </c>
      <c r="B16" s="149">
        <v>115</v>
      </c>
      <c r="C16" s="150">
        <v>3.4692387796883555</v>
      </c>
      <c r="D16" s="133">
        <v>0.2579906612349574</v>
      </c>
      <c r="E16" s="123">
        <v>115</v>
      </c>
      <c r="F16" s="151">
        <v>1.364120801655575E-3</v>
      </c>
      <c r="G16" s="95">
        <v>2.3968982040818553E-2</v>
      </c>
      <c r="H16" s="152">
        <v>0.10301656778194082</v>
      </c>
      <c r="I16" s="95">
        <v>5.7613335540842199E-2</v>
      </c>
      <c r="J16" s="152">
        <v>0.40053638854266504</v>
      </c>
      <c r="K16" s="95">
        <v>8.8160807496657695E-2</v>
      </c>
      <c r="L16" s="152">
        <v>0.41518225667386943</v>
      </c>
      <c r="M16" s="95">
        <v>8.8621091265984123E-2</v>
      </c>
      <c r="N16" s="152">
        <v>7.9900666199869103E-2</v>
      </c>
      <c r="O16" s="95">
        <v>5.2439125335823907E-2</v>
      </c>
    </row>
    <row r="17" spans="1:11" s="5" customFormat="1"/>
    <row r="22" spans="1:11" ht="18.75">
      <c r="A22" s="327" t="s">
        <v>374</v>
      </c>
      <c r="B22" s="327"/>
      <c r="C22" s="327"/>
      <c r="D22" s="327"/>
      <c r="E22" s="327"/>
      <c r="F22" s="327"/>
      <c r="G22" s="327"/>
      <c r="H22" s="327"/>
      <c r="I22" s="327"/>
      <c r="J22" s="302"/>
      <c r="K22" s="302"/>
    </row>
    <row r="23" spans="1:11" ht="84.75" customHeight="1">
      <c r="A23" s="352" t="s">
        <v>375</v>
      </c>
      <c r="B23" s="352"/>
      <c r="C23" s="352"/>
      <c r="D23" s="352"/>
      <c r="E23" s="352"/>
      <c r="F23" s="352"/>
      <c r="G23" s="352"/>
      <c r="H23" s="352"/>
      <c r="I23" s="352"/>
      <c r="J23" s="302"/>
      <c r="K23" s="302"/>
    </row>
    <row r="24" spans="1:11" ht="24" customHeight="1">
      <c r="A24" s="351" t="s">
        <v>374</v>
      </c>
      <c r="B24" s="351"/>
      <c r="C24" s="351"/>
      <c r="D24" s="351"/>
      <c r="E24" s="353" t="s">
        <v>376</v>
      </c>
      <c r="F24" s="354"/>
      <c r="G24" s="354"/>
      <c r="H24" s="354"/>
      <c r="I24" s="355"/>
    </row>
    <row r="25" spans="1:11" ht="45" customHeight="1">
      <c r="A25" s="34" t="s">
        <v>114</v>
      </c>
      <c r="B25" s="35" t="s">
        <v>115</v>
      </c>
      <c r="C25" s="36" t="s">
        <v>116</v>
      </c>
      <c r="D25" s="37" t="s">
        <v>117</v>
      </c>
      <c r="E25" s="35" t="s">
        <v>115</v>
      </c>
      <c r="F25" s="35" t="s">
        <v>382</v>
      </c>
      <c r="G25" s="90" t="s">
        <v>378</v>
      </c>
      <c r="H25" s="35" t="s">
        <v>383</v>
      </c>
      <c r="I25" s="90" t="s">
        <v>380</v>
      </c>
    </row>
    <row r="26" spans="1:11" ht="84">
      <c r="A26" s="38"/>
      <c r="B26" s="39" t="s">
        <v>118</v>
      </c>
      <c r="C26" s="40" t="s">
        <v>197</v>
      </c>
      <c r="D26" s="41" t="s">
        <v>120</v>
      </c>
      <c r="E26" s="39" t="s">
        <v>118</v>
      </c>
      <c r="F26" s="39" t="s">
        <v>377</v>
      </c>
      <c r="G26" s="92" t="s">
        <v>148</v>
      </c>
      <c r="H26" s="39" t="s">
        <v>379</v>
      </c>
      <c r="I26" s="92" t="s">
        <v>148</v>
      </c>
    </row>
    <row r="27" spans="1:11">
      <c r="A27" s="42" t="s">
        <v>442</v>
      </c>
      <c r="B27" s="157">
        <v>12226</v>
      </c>
      <c r="C27" s="158">
        <v>11.311562671052545</v>
      </c>
      <c r="D27" s="159">
        <v>0.14170913389016526</v>
      </c>
      <c r="E27" s="123">
        <v>12226</v>
      </c>
      <c r="F27" s="160">
        <v>0.90366920456423305</v>
      </c>
      <c r="G27" s="95">
        <v>5.1476964844827406E-3</v>
      </c>
      <c r="H27" s="160">
        <v>9.6330795435766642E-2</v>
      </c>
      <c r="I27" s="95">
        <v>5.1476964844827345E-3</v>
      </c>
    </row>
    <row r="28" spans="1:11">
      <c r="A28" s="46" t="s">
        <v>443</v>
      </c>
      <c r="B28" s="161">
        <v>997</v>
      </c>
      <c r="C28" s="162">
        <v>11.34337150467195</v>
      </c>
      <c r="D28" s="163">
        <v>0.54381349833439963</v>
      </c>
      <c r="E28" s="126">
        <v>997</v>
      </c>
      <c r="F28" s="164">
        <v>0.89570820256240358</v>
      </c>
      <c r="G28" s="98">
        <v>1.8832998953770653E-2</v>
      </c>
      <c r="H28" s="164">
        <v>0.10429179743759642</v>
      </c>
      <c r="I28" s="98">
        <v>1.8832998953770649E-2</v>
      </c>
    </row>
    <row r="29" spans="1:11" ht="30.75" customHeight="1">
      <c r="A29" s="50" t="s">
        <v>434</v>
      </c>
      <c r="B29" s="80">
        <v>273</v>
      </c>
      <c r="C29" s="81">
        <v>11.156880777398747</v>
      </c>
      <c r="D29" s="82">
        <v>1.1662732136816771</v>
      </c>
      <c r="E29" s="80">
        <v>273</v>
      </c>
      <c r="F29" s="99">
        <v>0.89874697327307573</v>
      </c>
      <c r="G29" s="95">
        <v>3.6404380213700294E-2</v>
      </c>
      <c r="H29" s="99">
        <v>0.10125302672692424</v>
      </c>
      <c r="I29" s="95">
        <v>3.6404380213700294E-2</v>
      </c>
    </row>
    <row r="30" spans="1:11" ht="25.5">
      <c r="A30" s="46" t="s">
        <v>438</v>
      </c>
      <c r="B30" s="161">
        <v>59</v>
      </c>
      <c r="C30" s="162">
        <v>10.977012947765177</v>
      </c>
      <c r="D30" s="163">
        <v>2.2846257110503885</v>
      </c>
      <c r="E30" s="126">
        <v>59</v>
      </c>
      <c r="F30" s="164">
        <v>0.88015938246831549</v>
      </c>
      <c r="G30" s="98">
        <v>8.6691392355552746E-2</v>
      </c>
      <c r="H30" s="164">
        <v>0.11984061753168448</v>
      </c>
      <c r="I30" s="98">
        <v>8.6691392355552732E-2</v>
      </c>
    </row>
    <row r="31" spans="1:11" ht="38.25">
      <c r="A31" s="54" t="s">
        <v>454</v>
      </c>
      <c r="B31" s="157">
        <v>67</v>
      </c>
      <c r="C31" s="158">
        <v>9.8248534098321354</v>
      </c>
      <c r="D31" s="159">
        <v>1.2053665728823653</v>
      </c>
      <c r="E31" s="123">
        <v>67</v>
      </c>
      <c r="F31" s="160">
        <v>0.99784044823196039</v>
      </c>
      <c r="G31" s="95">
        <v>3.9812507138116307E-2</v>
      </c>
      <c r="H31" s="160">
        <v>2.1595517680395629E-3</v>
      </c>
      <c r="I31" s="95">
        <v>3.9812507138116335E-2</v>
      </c>
    </row>
    <row r="32" spans="1:11" ht="25.5">
      <c r="A32" s="46" t="s">
        <v>444</v>
      </c>
      <c r="B32" s="161">
        <v>113</v>
      </c>
      <c r="C32" s="162">
        <v>11.278761374788619</v>
      </c>
      <c r="D32" s="163">
        <v>1.5600365408056724</v>
      </c>
      <c r="E32" s="126">
        <v>113</v>
      </c>
      <c r="F32" s="164">
        <v>0.89771457446953362</v>
      </c>
      <c r="G32" s="98">
        <v>5.7999876667472965E-2</v>
      </c>
      <c r="H32" s="164">
        <v>0.10228542553046643</v>
      </c>
      <c r="I32" s="98">
        <v>5.7999876667472951E-2</v>
      </c>
    </row>
    <row r="33" spans="1:9">
      <c r="A33" s="54" t="s">
        <v>445</v>
      </c>
      <c r="B33" s="157">
        <v>237</v>
      </c>
      <c r="C33" s="158">
        <v>10.946276336629007</v>
      </c>
      <c r="D33" s="159">
        <v>1.059626905786244</v>
      </c>
      <c r="E33" s="123">
        <v>237</v>
      </c>
      <c r="F33" s="160">
        <v>0.90722492172055802</v>
      </c>
      <c r="G33" s="95">
        <v>3.7797835871702191E-2</v>
      </c>
      <c r="H33" s="160">
        <v>9.2775078279441939E-2</v>
      </c>
      <c r="I33" s="95">
        <v>3.7797835871702191E-2</v>
      </c>
    </row>
    <row r="34" spans="1:9">
      <c r="A34" s="46" t="s">
        <v>446</v>
      </c>
      <c r="B34" s="161">
        <v>122</v>
      </c>
      <c r="C34" s="162">
        <v>11.288483151825142</v>
      </c>
      <c r="D34" s="163">
        <v>1.630607086962538</v>
      </c>
      <c r="E34" s="126">
        <v>122</v>
      </c>
      <c r="F34" s="164">
        <v>0.85162155415348972</v>
      </c>
      <c r="G34" s="98">
        <v>6.3938914403486466E-2</v>
      </c>
      <c r="H34" s="164">
        <v>0.1483784458465103</v>
      </c>
      <c r="I34" s="98">
        <v>6.393891440348648E-2</v>
      </c>
    </row>
    <row r="35" spans="1:9">
      <c r="A35" s="54" t="s">
        <v>447</v>
      </c>
      <c r="B35" s="157">
        <v>115</v>
      </c>
      <c r="C35" s="158">
        <v>10.419086901726999</v>
      </c>
      <c r="D35" s="159">
        <v>0.85374264297068692</v>
      </c>
      <c r="E35" s="123">
        <v>115</v>
      </c>
      <c r="F35" s="160">
        <v>0.99288513251890331</v>
      </c>
      <c r="G35" s="95">
        <v>2.7320668309152106E-2</v>
      </c>
      <c r="H35" s="160">
        <v>7.1148674810967297E-3</v>
      </c>
      <c r="I35" s="95">
        <v>2.7320668309152151E-2</v>
      </c>
    </row>
    <row r="36" spans="1:9" s="5" customFormat="1"/>
    <row r="41" spans="1:9" ht="18.75">
      <c r="A41" s="327" t="s">
        <v>44</v>
      </c>
      <c r="B41" s="327"/>
      <c r="C41" s="327"/>
      <c r="D41" s="327"/>
      <c r="G41" s="5"/>
    </row>
    <row r="42" spans="1:9" ht="108.75" customHeight="1">
      <c r="A42" s="340" t="s">
        <v>381</v>
      </c>
      <c r="B42" s="340"/>
      <c r="C42" s="340"/>
      <c r="D42" s="340"/>
    </row>
    <row r="43" spans="1:9" ht="32.25" customHeight="1">
      <c r="A43" s="350" t="s">
        <v>198</v>
      </c>
      <c r="B43" s="351"/>
      <c r="C43" s="351"/>
      <c r="D43" s="351"/>
    </row>
    <row r="44" spans="1:9" ht="37.5" customHeight="1">
      <c r="A44" s="34" t="s">
        <v>114</v>
      </c>
      <c r="B44" s="35" t="s">
        <v>115</v>
      </c>
      <c r="C44" s="36" t="s">
        <v>116</v>
      </c>
      <c r="D44" s="37" t="s">
        <v>117</v>
      </c>
    </row>
    <row r="45" spans="1:9" ht="84">
      <c r="A45" s="38"/>
      <c r="B45" s="39" t="s">
        <v>118</v>
      </c>
      <c r="C45" s="40" t="s">
        <v>199</v>
      </c>
      <c r="D45" s="41" t="s">
        <v>120</v>
      </c>
    </row>
    <row r="46" spans="1:9">
      <c r="A46" s="42" t="s">
        <v>442</v>
      </c>
      <c r="B46" s="165">
        <v>12134</v>
      </c>
      <c r="C46" s="166">
        <v>5.2114227974437739</v>
      </c>
      <c r="D46" s="167">
        <v>4.4402148551739629E-2</v>
      </c>
    </row>
    <row r="47" spans="1:9">
      <c r="A47" s="46" t="s">
        <v>443</v>
      </c>
      <c r="B47" s="168">
        <v>990</v>
      </c>
      <c r="C47" s="169">
        <v>5.3213634460333434</v>
      </c>
      <c r="D47" s="170">
        <v>0.16471975312076736</v>
      </c>
    </row>
    <row r="48" spans="1:9">
      <c r="A48" s="50" t="s">
        <v>434</v>
      </c>
      <c r="B48" s="80">
        <v>274</v>
      </c>
      <c r="C48" s="81">
        <v>5.2741423251565358</v>
      </c>
      <c r="D48" s="82">
        <v>0.34774990454995525</v>
      </c>
    </row>
    <row r="49" spans="1:15" ht="25.5">
      <c r="A49" s="46" t="s">
        <v>438</v>
      </c>
      <c r="B49" s="168">
        <v>59</v>
      </c>
      <c r="C49" s="169">
        <v>5.2024594736135574</v>
      </c>
      <c r="D49" s="170">
        <v>0.68125806598644356</v>
      </c>
    </row>
    <row r="50" spans="1:15" ht="38.25">
      <c r="A50" s="54" t="s">
        <v>454</v>
      </c>
      <c r="B50" s="165">
        <v>68</v>
      </c>
      <c r="C50" s="166">
        <v>5.832979648167985</v>
      </c>
      <c r="D50" s="167">
        <v>0.44565356388765043</v>
      </c>
    </row>
    <row r="51" spans="1:15" ht="25.5">
      <c r="A51" s="46" t="s">
        <v>444</v>
      </c>
      <c r="B51" s="168">
        <v>113</v>
      </c>
      <c r="C51" s="169">
        <v>5.2251535406866099</v>
      </c>
      <c r="D51" s="170">
        <v>0.46915106908281867</v>
      </c>
    </row>
    <row r="52" spans="1:15">
      <c r="A52" s="54" t="s">
        <v>445</v>
      </c>
      <c r="B52" s="165">
        <v>237</v>
      </c>
      <c r="C52" s="166">
        <v>5.5957029199814183</v>
      </c>
      <c r="D52" s="167">
        <v>0.37679302568471407</v>
      </c>
    </row>
    <row r="53" spans="1:15">
      <c r="A53" s="46" t="s">
        <v>446</v>
      </c>
      <c r="B53" s="168">
        <v>122</v>
      </c>
      <c r="C53" s="169">
        <v>5.56855619951346</v>
      </c>
      <c r="D53" s="170">
        <v>0.5726710252299041</v>
      </c>
    </row>
    <row r="54" spans="1:15">
      <c r="A54" s="54" t="s">
        <v>447</v>
      </c>
      <c r="B54" s="165">
        <v>115</v>
      </c>
      <c r="C54" s="166">
        <v>5.6369379260993258</v>
      </c>
      <c r="D54" s="167">
        <v>0.369375361938582</v>
      </c>
    </row>
    <row r="55" spans="1:15" s="5" customFormat="1"/>
    <row r="60" spans="1:15" ht="18.75">
      <c r="A60" s="327" t="s">
        <v>45</v>
      </c>
      <c r="B60" s="327"/>
      <c r="C60" s="327"/>
      <c r="D60" s="327"/>
      <c r="E60" s="327"/>
      <c r="F60" s="327"/>
      <c r="G60" s="327"/>
      <c r="H60" s="327"/>
      <c r="I60" s="327"/>
      <c r="J60" s="327"/>
      <c r="K60" s="327"/>
      <c r="L60" s="327"/>
      <c r="M60" s="327"/>
      <c r="N60" s="327"/>
      <c r="O60" s="327"/>
    </row>
    <row r="61" spans="1:15" ht="57.75" customHeight="1">
      <c r="A61" s="352" t="s">
        <v>384</v>
      </c>
      <c r="B61" s="352"/>
      <c r="C61" s="352"/>
      <c r="D61" s="352"/>
      <c r="E61" s="352"/>
      <c r="F61" s="352"/>
      <c r="G61" s="352"/>
      <c r="H61" s="352"/>
      <c r="I61" s="352"/>
      <c r="J61" s="352"/>
      <c r="K61" s="352"/>
      <c r="L61" s="352"/>
      <c r="M61" s="352"/>
      <c r="N61" s="352"/>
      <c r="O61" s="352"/>
    </row>
    <row r="62" spans="1:15" ht="38.25" customHeight="1">
      <c r="A62" s="61"/>
      <c r="B62" s="347" t="s">
        <v>385</v>
      </c>
      <c r="C62" s="347"/>
      <c r="D62" s="347"/>
      <c r="E62" s="347"/>
      <c r="F62" s="347"/>
      <c r="G62" s="347"/>
      <c r="H62" s="347"/>
      <c r="I62" s="347" t="s">
        <v>386</v>
      </c>
      <c r="J62" s="347"/>
      <c r="K62" s="347"/>
      <c r="L62" s="347"/>
      <c r="M62" s="347"/>
      <c r="N62" s="347"/>
      <c r="O62" s="347"/>
    </row>
    <row r="63" spans="1:15" ht="44.25" customHeight="1">
      <c r="A63" s="34" t="s">
        <v>114</v>
      </c>
      <c r="B63" s="35" t="s">
        <v>115</v>
      </c>
      <c r="C63" s="35" t="s">
        <v>300</v>
      </c>
      <c r="D63" s="90" t="s">
        <v>145</v>
      </c>
      <c r="E63" s="35" t="s">
        <v>301</v>
      </c>
      <c r="F63" s="90" t="s">
        <v>146</v>
      </c>
      <c r="G63" s="35" t="s">
        <v>302</v>
      </c>
      <c r="H63" s="90" t="s">
        <v>147</v>
      </c>
      <c r="I63" s="62" t="s">
        <v>115</v>
      </c>
      <c r="J63" s="62" t="s">
        <v>300</v>
      </c>
      <c r="K63" s="89" t="s">
        <v>145</v>
      </c>
      <c r="L63" s="62" t="s">
        <v>301</v>
      </c>
      <c r="M63" s="89" t="s">
        <v>146</v>
      </c>
      <c r="N63" s="62" t="s">
        <v>302</v>
      </c>
      <c r="O63" s="89" t="s">
        <v>147</v>
      </c>
    </row>
    <row r="64" spans="1:15" ht="72">
      <c r="A64" s="38"/>
      <c r="B64" s="39" t="s">
        <v>118</v>
      </c>
      <c r="C64" s="39" t="s">
        <v>303</v>
      </c>
      <c r="D64" s="92" t="s">
        <v>148</v>
      </c>
      <c r="E64" s="39" t="s">
        <v>304</v>
      </c>
      <c r="F64" s="92" t="s">
        <v>148</v>
      </c>
      <c r="G64" s="39" t="s">
        <v>305</v>
      </c>
      <c r="H64" s="92" t="s">
        <v>148</v>
      </c>
      <c r="I64" s="65" t="s">
        <v>118</v>
      </c>
      <c r="J64" s="65" t="s">
        <v>303</v>
      </c>
      <c r="K64" s="91" t="s">
        <v>148</v>
      </c>
      <c r="L64" s="65" t="s">
        <v>304</v>
      </c>
      <c r="M64" s="91" t="s">
        <v>148</v>
      </c>
      <c r="N64" s="65" t="s">
        <v>305</v>
      </c>
      <c r="O64" s="91" t="s">
        <v>148</v>
      </c>
    </row>
    <row r="65" spans="1:15">
      <c r="A65" s="42" t="s">
        <v>442</v>
      </c>
      <c r="B65" s="165">
        <v>12524</v>
      </c>
      <c r="C65" s="171">
        <v>0.1331366593156699</v>
      </c>
      <c r="D65" s="95">
        <v>5.9511509210555197E-3</v>
      </c>
      <c r="E65" s="171">
        <v>0.11393572487869418</v>
      </c>
      <c r="F65" s="95">
        <v>5.5665018974811169E-3</v>
      </c>
      <c r="G65" s="171">
        <v>0.75292761580563594</v>
      </c>
      <c r="H65" s="95">
        <v>7.553558324864376E-3</v>
      </c>
      <c r="I65" s="165">
        <v>9797</v>
      </c>
      <c r="J65" s="171">
        <v>0.18708286728827181</v>
      </c>
      <c r="K65" s="95">
        <v>7.7228053374202655E-3</v>
      </c>
      <c r="L65" s="171">
        <v>0.13055490923116647</v>
      </c>
      <c r="M65" s="95">
        <v>6.6734673361478272E-3</v>
      </c>
      <c r="N65" s="171">
        <v>0.68236222348056175</v>
      </c>
      <c r="O65" s="95">
        <v>9.2176799856715282E-3</v>
      </c>
    </row>
    <row r="66" spans="1:15">
      <c r="A66" s="46" t="s">
        <v>443</v>
      </c>
      <c r="B66" s="168">
        <v>1014</v>
      </c>
      <c r="C66" s="172">
        <v>0.1089843569788226</v>
      </c>
      <c r="D66" s="98">
        <v>1.926069832798236E-2</v>
      </c>
      <c r="E66" s="172">
        <v>0.10229659700699781</v>
      </c>
      <c r="F66" s="98">
        <v>1.8741008008552194E-2</v>
      </c>
      <c r="G66" s="172">
        <v>0.78871904601417964</v>
      </c>
      <c r="H66" s="98">
        <v>2.5126025570863287E-2</v>
      </c>
      <c r="I66" s="168">
        <v>827</v>
      </c>
      <c r="J66" s="172">
        <v>0.19468889683058135</v>
      </c>
      <c r="K66" s="98">
        <v>2.6998792524113246E-2</v>
      </c>
      <c r="L66" s="172">
        <v>0.11366675948753382</v>
      </c>
      <c r="M66" s="98">
        <v>2.1733944872733512E-2</v>
      </c>
      <c r="N66" s="172">
        <v>0.69164434368188488</v>
      </c>
      <c r="O66" s="98">
        <v>3.142546909532571E-2</v>
      </c>
    </row>
    <row r="67" spans="1:15">
      <c r="A67" s="50" t="s">
        <v>434</v>
      </c>
      <c r="B67" s="80">
        <v>274</v>
      </c>
      <c r="C67" s="99">
        <v>9.5221640062199353E-2</v>
      </c>
      <c r="D67" s="95">
        <v>3.5429218185514803E-2</v>
      </c>
      <c r="E67" s="99">
        <v>7.384541693891078E-2</v>
      </c>
      <c r="F67" s="95">
        <v>3.1887165173196154E-2</v>
      </c>
      <c r="G67" s="99">
        <v>0.83093294299888987</v>
      </c>
      <c r="H67" s="95">
        <v>4.4548126981493338E-2</v>
      </c>
      <c r="I67" s="80">
        <v>218</v>
      </c>
      <c r="J67" s="99">
        <v>0.2136044023080351</v>
      </c>
      <c r="K67" s="95">
        <v>5.4382494447485094E-2</v>
      </c>
      <c r="L67" s="99">
        <v>0.1092869326734606</v>
      </c>
      <c r="M67" s="95">
        <v>4.217599424954703E-2</v>
      </c>
      <c r="N67" s="99">
        <v>0.67710866501850431</v>
      </c>
      <c r="O67" s="95">
        <v>6.1666129557033406E-2</v>
      </c>
    </row>
    <row r="68" spans="1:15" ht="25.5">
      <c r="A68" s="46" t="s">
        <v>438</v>
      </c>
      <c r="B68" s="168">
        <v>59</v>
      </c>
      <c r="C68" s="172">
        <v>0.12985667790572011</v>
      </c>
      <c r="D68" s="98">
        <v>8.897924883360192E-2</v>
      </c>
      <c r="E68" s="172">
        <v>6.2785679606050693E-2</v>
      </c>
      <c r="F68" s="98">
        <v>7.086133491637138E-2</v>
      </c>
      <c r="G68" s="172">
        <v>0.80735764248822917</v>
      </c>
      <c r="H68" s="98">
        <v>0.10095653021666477</v>
      </c>
      <c r="I68" s="168">
        <v>43</v>
      </c>
      <c r="J68" s="172">
        <v>0.22014850131200131</v>
      </c>
      <c r="K68" s="98">
        <v>0.12278413293673654</v>
      </c>
      <c r="L68" s="172">
        <v>0.18064414214359939</v>
      </c>
      <c r="M68" s="98">
        <v>0.11600196403909374</v>
      </c>
      <c r="N68" s="172">
        <v>0.59920735654439927</v>
      </c>
      <c r="O68" s="98">
        <v>0.14057271739965899</v>
      </c>
    </row>
    <row r="69" spans="1:15" ht="38.25">
      <c r="A69" s="54" t="s">
        <v>454</v>
      </c>
      <c r="B69" s="165">
        <v>68</v>
      </c>
      <c r="C69" s="171">
        <v>6.9086144271556321E-2</v>
      </c>
      <c r="D69" s="95">
        <v>6.7094821624267956E-2</v>
      </c>
      <c r="E69" s="171">
        <v>3.4564113624071663E-2</v>
      </c>
      <c r="F69" s="95">
        <v>5.5036734427921181E-2</v>
      </c>
      <c r="G69" s="171">
        <v>0.89634974210437202</v>
      </c>
      <c r="H69" s="95">
        <v>7.656721649537207E-2</v>
      </c>
      <c r="I69" s="165">
        <v>58</v>
      </c>
      <c r="J69" s="171">
        <v>0.10688098994117511</v>
      </c>
      <c r="K69" s="95">
        <v>8.4323056674890706E-2</v>
      </c>
      <c r="L69" s="171">
        <v>0.13397264657756208</v>
      </c>
      <c r="M69" s="95">
        <v>9.0694991199308142E-2</v>
      </c>
      <c r="N69" s="171">
        <v>0.75914636348126285</v>
      </c>
      <c r="O69" s="95">
        <v>0.10885218212301029</v>
      </c>
    </row>
    <row r="70" spans="1:15" ht="25.5">
      <c r="A70" s="46" t="s">
        <v>444</v>
      </c>
      <c r="B70" s="168">
        <v>113</v>
      </c>
      <c r="C70" s="172">
        <v>8.7451589886220815E-2</v>
      </c>
      <c r="D70" s="98">
        <v>5.4734490293460801E-2</v>
      </c>
      <c r="E70" s="172">
        <v>8.2212864712686129E-2</v>
      </c>
      <c r="F70" s="98">
        <v>5.3503625165175567E-2</v>
      </c>
      <c r="G70" s="172">
        <v>0.83033554540109311</v>
      </c>
      <c r="H70" s="98">
        <v>6.9759779573697209E-2</v>
      </c>
      <c r="I70" s="168">
        <v>87</v>
      </c>
      <c r="J70" s="172">
        <v>0.22838142467515465</v>
      </c>
      <c r="K70" s="98">
        <v>8.7790215160375829E-2</v>
      </c>
      <c r="L70" s="172">
        <v>9.0619572678589166E-2</v>
      </c>
      <c r="M70" s="98">
        <v>6.3931035630802713E-2</v>
      </c>
      <c r="N70" s="172">
        <v>0.68099900264625624</v>
      </c>
      <c r="O70" s="98">
        <v>9.6383368441764788E-2</v>
      </c>
    </row>
    <row r="71" spans="1:15">
      <c r="A71" s="54" t="s">
        <v>445</v>
      </c>
      <c r="B71" s="165">
        <v>237</v>
      </c>
      <c r="C71" s="171">
        <v>7.6750736030441441E-2</v>
      </c>
      <c r="D71" s="95">
        <v>3.4978992591537597E-2</v>
      </c>
      <c r="E71" s="171">
        <v>0.14226117856052653</v>
      </c>
      <c r="F71" s="95">
        <v>4.4857902198362935E-2</v>
      </c>
      <c r="G71" s="171">
        <v>0.78098808540903186</v>
      </c>
      <c r="H71" s="95">
        <v>5.2611233676320493E-2</v>
      </c>
      <c r="I71" s="165">
        <v>206</v>
      </c>
      <c r="J71" s="171">
        <v>0.18766262002657438</v>
      </c>
      <c r="K71" s="95">
        <v>5.3442221841682021E-2</v>
      </c>
      <c r="L71" s="171">
        <v>6.1080900380366433E-2</v>
      </c>
      <c r="M71" s="95">
        <v>3.4381682742527821E-2</v>
      </c>
      <c r="N71" s="171">
        <v>0.75125647959305919</v>
      </c>
      <c r="O71" s="95">
        <v>5.8839221559318977E-2</v>
      </c>
    </row>
    <row r="72" spans="1:15">
      <c r="A72" s="46" t="s">
        <v>446</v>
      </c>
      <c r="B72" s="168">
        <v>122</v>
      </c>
      <c r="C72" s="172">
        <v>0.10543425277846058</v>
      </c>
      <c r="D72" s="98">
        <v>5.632258245039768E-2</v>
      </c>
      <c r="E72" s="172">
        <v>0.15595310785643185</v>
      </c>
      <c r="F72" s="98">
        <v>6.5106112206515659E-2</v>
      </c>
      <c r="G72" s="172">
        <v>0.73861263936510757</v>
      </c>
      <c r="H72" s="98">
        <v>7.7425928849964243E-2</v>
      </c>
      <c r="I72" s="168">
        <v>105</v>
      </c>
      <c r="J72" s="172">
        <v>0.22437689330834099</v>
      </c>
      <c r="K72" s="98">
        <v>7.9539230515933784E-2</v>
      </c>
      <c r="L72" s="172">
        <v>7.3253806516775835E-2</v>
      </c>
      <c r="M72" s="98">
        <v>5.3432815904771593E-2</v>
      </c>
      <c r="N72" s="172">
        <v>0.70236930017488319</v>
      </c>
      <c r="O72" s="98">
        <v>8.6438645065162481E-2</v>
      </c>
    </row>
    <row r="73" spans="1:15">
      <c r="A73" s="54" t="s">
        <v>447</v>
      </c>
      <c r="B73" s="165">
        <v>115</v>
      </c>
      <c r="C73" s="171">
        <v>3.3181385177040973E-2</v>
      </c>
      <c r="D73" s="95">
        <v>3.8737836675175372E-2</v>
      </c>
      <c r="E73" s="171">
        <v>0.12146357286266704</v>
      </c>
      <c r="F73" s="95">
        <v>6.1242164078622603E-2</v>
      </c>
      <c r="G73" s="171">
        <v>0.84535504196029199</v>
      </c>
      <c r="H73" s="95">
        <v>6.6893671528149096E-2</v>
      </c>
      <c r="I73" s="165">
        <v>101</v>
      </c>
      <c r="J73" s="171">
        <v>0.12934110281227806</v>
      </c>
      <c r="K73" s="95">
        <v>6.7050570346995159E-2</v>
      </c>
      <c r="L73" s="171">
        <v>4.1743942534732265E-2</v>
      </c>
      <c r="M73" s="95">
        <v>4.5141444631047238E-2</v>
      </c>
      <c r="N73" s="171">
        <v>0.8289149546529897</v>
      </c>
      <c r="O73" s="95">
        <v>7.4056491976679364E-2</v>
      </c>
    </row>
    <row r="74" spans="1:15" s="5" customFormat="1"/>
    <row r="79" spans="1:15" ht="19.5" customHeight="1">
      <c r="A79" s="327" t="s">
        <v>7</v>
      </c>
      <c r="B79" s="327"/>
      <c r="C79" s="327"/>
      <c r="D79" s="327"/>
    </row>
    <row r="80" spans="1:15" ht="158.25" customHeight="1">
      <c r="A80" s="348" t="s">
        <v>200</v>
      </c>
      <c r="B80" s="349"/>
      <c r="C80" s="349"/>
      <c r="D80" s="349"/>
    </row>
    <row r="81" spans="1:4" ht="35.25" customHeight="1">
      <c r="A81" s="329" t="s">
        <v>201</v>
      </c>
      <c r="B81" s="329"/>
      <c r="C81" s="329"/>
      <c r="D81" s="329"/>
    </row>
    <row r="82" spans="1:4" ht="39.75" customHeight="1">
      <c r="A82" s="34" t="s">
        <v>114</v>
      </c>
      <c r="B82" s="35" t="s">
        <v>115</v>
      </c>
      <c r="C82" s="36" t="s">
        <v>116</v>
      </c>
      <c r="D82" s="37" t="s">
        <v>117</v>
      </c>
    </row>
    <row r="83" spans="1:4" ht="108">
      <c r="A83" s="38"/>
      <c r="B83" s="39" t="s">
        <v>118</v>
      </c>
      <c r="C83" s="130" t="s">
        <v>202</v>
      </c>
      <c r="D83" s="41" t="s">
        <v>120</v>
      </c>
    </row>
    <row r="84" spans="1:4">
      <c r="A84" s="42" t="s">
        <v>442</v>
      </c>
      <c r="B84" s="173">
        <v>11862</v>
      </c>
      <c r="C84" s="174">
        <v>4.4982488715695279</v>
      </c>
      <c r="D84" s="175">
        <v>4.0088292853981855E-2</v>
      </c>
    </row>
    <row r="85" spans="1:4">
      <c r="A85" s="46" t="s">
        <v>443</v>
      </c>
      <c r="B85" s="176">
        <v>945</v>
      </c>
      <c r="C85" s="177">
        <v>4.4659890039017274</v>
      </c>
      <c r="D85" s="178">
        <v>0.15363005922546424</v>
      </c>
    </row>
    <row r="86" spans="1:4">
      <c r="A86" s="50" t="s">
        <v>434</v>
      </c>
      <c r="B86" s="80">
        <v>262</v>
      </c>
      <c r="C86" s="81">
        <v>4.7592281419027245</v>
      </c>
      <c r="D86" s="82">
        <v>0.29682234457684409</v>
      </c>
    </row>
    <row r="87" spans="1:4" ht="25.5">
      <c r="A87" s="46" t="s">
        <v>438</v>
      </c>
      <c r="B87" s="176">
        <v>55</v>
      </c>
      <c r="C87" s="177">
        <v>4.6762568828799376</v>
      </c>
      <c r="D87" s="178">
        <v>0.57400195059253889</v>
      </c>
    </row>
    <row r="88" spans="1:4" ht="38.25">
      <c r="A88" s="54" t="s">
        <v>454</v>
      </c>
      <c r="B88" s="173">
        <v>65</v>
      </c>
      <c r="C88" s="174">
        <v>4.827341401143431</v>
      </c>
      <c r="D88" s="175">
        <v>0.36510925487794665</v>
      </c>
    </row>
    <row r="89" spans="1:4" ht="25.5">
      <c r="A89" s="46" t="s">
        <v>444</v>
      </c>
      <c r="B89" s="176">
        <v>108</v>
      </c>
      <c r="C89" s="177">
        <v>4.7203562656320406</v>
      </c>
      <c r="D89" s="178">
        <v>0.40131216344552634</v>
      </c>
    </row>
    <row r="90" spans="1:4">
      <c r="A90" s="54" t="s">
        <v>445</v>
      </c>
      <c r="B90" s="173">
        <v>231</v>
      </c>
      <c r="C90" s="174">
        <v>4.8429359707167521</v>
      </c>
      <c r="D90" s="175">
        <v>0.20059557206046907</v>
      </c>
    </row>
    <row r="91" spans="1:4">
      <c r="A91" s="46" t="s">
        <v>446</v>
      </c>
      <c r="B91" s="176">
        <v>117</v>
      </c>
      <c r="C91" s="177">
        <v>4.8460183531916092</v>
      </c>
      <c r="D91" s="178">
        <v>0.29499994640917393</v>
      </c>
    </row>
    <row r="92" spans="1:4">
      <c r="A92" s="54" t="s">
        <v>447</v>
      </c>
      <c r="B92" s="173">
        <v>114</v>
      </c>
      <c r="C92" s="174">
        <v>4.8382013177651721</v>
      </c>
      <c r="D92" s="175">
        <v>0.23131662958273402</v>
      </c>
    </row>
    <row r="93" spans="1:4" s="5" customFormat="1"/>
    <row r="98" spans="1:22" ht="18.75">
      <c r="A98" s="327" t="s">
        <v>46</v>
      </c>
      <c r="B98" s="327"/>
      <c r="C98" s="327"/>
      <c r="D98" s="327"/>
      <c r="E98" s="327"/>
      <c r="F98" s="327"/>
      <c r="G98" s="327"/>
      <c r="H98" s="327"/>
      <c r="I98" s="327"/>
      <c r="J98" s="327"/>
      <c r="K98" s="327"/>
      <c r="L98" s="327"/>
      <c r="M98" s="327"/>
      <c r="N98" s="327"/>
      <c r="O98" s="327"/>
      <c r="P98" s="327"/>
      <c r="Q98" s="327"/>
      <c r="R98" s="327"/>
      <c r="S98" s="327"/>
      <c r="T98" s="327"/>
      <c r="U98" s="327"/>
      <c r="V98" s="327"/>
    </row>
    <row r="99" spans="1:22" ht="55.5" customHeight="1">
      <c r="A99" s="348" t="s">
        <v>203</v>
      </c>
      <c r="B99" s="348"/>
      <c r="C99" s="348"/>
      <c r="D99" s="348"/>
      <c r="E99" s="348"/>
      <c r="F99" s="348"/>
      <c r="G99" s="348"/>
      <c r="H99" s="348"/>
      <c r="I99" s="348"/>
      <c r="J99" s="348"/>
      <c r="K99" s="348"/>
      <c r="L99" s="348"/>
      <c r="M99" s="348"/>
      <c r="N99" s="348"/>
      <c r="O99" s="348"/>
      <c r="P99" s="348"/>
      <c r="Q99" s="348"/>
      <c r="R99" s="348"/>
      <c r="S99" s="348"/>
      <c r="T99" s="348"/>
      <c r="U99" s="348"/>
      <c r="V99" s="348"/>
    </row>
    <row r="100" spans="1:22" ht="33.75" customHeight="1">
      <c r="A100" s="61"/>
      <c r="B100" s="347" t="s">
        <v>204</v>
      </c>
      <c r="C100" s="347"/>
      <c r="D100" s="347"/>
      <c r="E100" s="347"/>
      <c r="F100" s="347"/>
      <c r="G100" s="347"/>
      <c r="H100" s="347"/>
      <c r="I100" s="347" t="s">
        <v>205</v>
      </c>
      <c r="J100" s="347"/>
      <c r="K100" s="347"/>
      <c r="L100" s="347"/>
      <c r="M100" s="347"/>
      <c r="N100" s="347"/>
      <c r="O100" s="347"/>
      <c r="P100" s="347" t="s">
        <v>206</v>
      </c>
      <c r="Q100" s="347"/>
      <c r="R100" s="347"/>
      <c r="S100" s="347"/>
      <c r="T100" s="347"/>
      <c r="U100" s="347"/>
      <c r="V100" s="347"/>
    </row>
    <row r="101" spans="1:22" ht="40.5" customHeight="1">
      <c r="A101" s="34" t="s">
        <v>114</v>
      </c>
      <c r="B101" s="35" t="s">
        <v>115</v>
      </c>
      <c r="C101" s="35" t="s">
        <v>300</v>
      </c>
      <c r="D101" s="90" t="s">
        <v>145</v>
      </c>
      <c r="E101" s="35" t="s">
        <v>301</v>
      </c>
      <c r="F101" s="90" t="s">
        <v>146</v>
      </c>
      <c r="G101" s="35" t="s">
        <v>302</v>
      </c>
      <c r="H101" s="90" t="s">
        <v>147</v>
      </c>
      <c r="I101" s="62" t="s">
        <v>115</v>
      </c>
      <c r="J101" s="62" t="s">
        <v>300</v>
      </c>
      <c r="K101" s="89" t="s">
        <v>145</v>
      </c>
      <c r="L101" s="62" t="s">
        <v>301</v>
      </c>
      <c r="M101" s="89" t="s">
        <v>146</v>
      </c>
      <c r="N101" s="62" t="s">
        <v>302</v>
      </c>
      <c r="O101" s="89" t="s">
        <v>147</v>
      </c>
      <c r="P101" s="35" t="s">
        <v>115</v>
      </c>
      <c r="Q101" s="35" t="s">
        <v>300</v>
      </c>
      <c r="R101" s="90" t="s">
        <v>145</v>
      </c>
      <c r="S101" s="35" t="s">
        <v>301</v>
      </c>
      <c r="T101" s="90" t="s">
        <v>146</v>
      </c>
      <c r="U101" s="35" t="s">
        <v>302</v>
      </c>
      <c r="V101" s="90" t="s">
        <v>147</v>
      </c>
    </row>
    <row r="102" spans="1:22" ht="72">
      <c r="A102" s="38"/>
      <c r="B102" s="39" t="s">
        <v>118</v>
      </c>
      <c r="C102" s="39" t="s">
        <v>303</v>
      </c>
      <c r="D102" s="92" t="s">
        <v>148</v>
      </c>
      <c r="E102" s="39" t="s">
        <v>304</v>
      </c>
      <c r="F102" s="92" t="s">
        <v>148</v>
      </c>
      <c r="G102" s="39" t="s">
        <v>305</v>
      </c>
      <c r="H102" s="92" t="s">
        <v>148</v>
      </c>
      <c r="I102" s="65" t="s">
        <v>118</v>
      </c>
      <c r="J102" s="65" t="s">
        <v>303</v>
      </c>
      <c r="K102" s="91" t="s">
        <v>148</v>
      </c>
      <c r="L102" s="65" t="s">
        <v>304</v>
      </c>
      <c r="M102" s="91" t="s">
        <v>148</v>
      </c>
      <c r="N102" s="65" t="s">
        <v>305</v>
      </c>
      <c r="O102" s="91" t="s">
        <v>148</v>
      </c>
      <c r="P102" s="39" t="s">
        <v>118</v>
      </c>
      <c r="Q102" s="39" t="s">
        <v>303</v>
      </c>
      <c r="R102" s="92" t="s">
        <v>148</v>
      </c>
      <c r="S102" s="39" t="s">
        <v>304</v>
      </c>
      <c r="T102" s="92" t="s">
        <v>148</v>
      </c>
      <c r="U102" s="39" t="s">
        <v>305</v>
      </c>
      <c r="V102" s="92" t="s">
        <v>148</v>
      </c>
    </row>
    <row r="103" spans="1:22">
      <c r="A103" s="42" t="s">
        <v>442</v>
      </c>
      <c r="B103" s="179">
        <v>11221</v>
      </c>
      <c r="C103" s="180">
        <v>0.31779840475798382</v>
      </c>
      <c r="D103" s="95">
        <v>8.614276547735545E-3</v>
      </c>
      <c r="E103" s="180">
        <v>0.26153205164951393</v>
      </c>
      <c r="F103" s="95">
        <v>8.1308647564831329E-3</v>
      </c>
      <c r="G103" s="180">
        <v>0.42066954359250219</v>
      </c>
      <c r="H103" s="95">
        <v>9.1327297757396782E-3</v>
      </c>
      <c r="I103" s="179">
        <v>11965</v>
      </c>
      <c r="J103" s="180">
        <v>0.28655791958273158</v>
      </c>
      <c r="K103" s="95">
        <v>8.1011195493686499E-3</v>
      </c>
      <c r="L103" s="180">
        <v>0.24348430271349097</v>
      </c>
      <c r="M103" s="95">
        <v>7.6899484061456313E-3</v>
      </c>
      <c r="N103" s="180">
        <v>0.46995777770377745</v>
      </c>
      <c r="O103" s="95">
        <v>8.9415398717017612E-3</v>
      </c>
      <c r="P103" s="179">
        <v>12361</v>
      </c>
      <c r="Q103" s="180">
        <v>0.23828433438762517</v>
      </c>
      <c r="R103" s="95">
        <v>7.5102812853526336E-3</v>
      </c>
      <c r="S103" s="180">
        <v>0.15442294460253603</v>
      </c>
      <c r="T103" s="95">
        <v>6.3711811529335175E-3</v>
      </c>
      <c r="U103" s="180">
        <v>0.60729272100983878</v>
      </c>
      <c r="V103" s="95">
        <v>8.60794145778007E-3</v>
      </c>
    </row>
    <row r="104" spans="1:22">
      <c r="A104" s="46" t="s">
        <v>443</v>
      </c>
      <c r="B104" s="181">
        <v>898</v>
      </c>
      <c r="C104" s="182">
        <v>0.33708795660957769</v>
      </c>
      <c r="D104" s="98">
        <v>3.0866009805925489E-2</v>
      </c>
      <c r="E104" s="182">
        <v>0.26244961149454188</v>
      </c>
      <c r="F104" s="98">
        <v>2.8749553365720382E-2</v>
      </c>
      <c r="G104" s="182">
        <v>0.40046243189588038</v>
      </c>
      <c r="H104" s="98">
        <v>3.1983145855669567E-2</v>
      </c>
      <c r="I104" s="181">
        <v>946</v>
      </c>
      <c r="J104" s="182">
        <v>0.28752321873357933</v>
      </c>
      <c r="K104" s="98">
        <v>2.8808315350876076E-2</v>
      </c>
      <c r="L104" s="182">
        <v>0.24997435967023349</v>
      </c>
      <c r="M104" s="98">
        <v>2.7573228807550094E-2</v>
      </c>
      <c r="N104" s="182">
        <v>0.46250242159618715</v>
      </c>
      <c r="O104" s="98">
        <v>3.1706612936046985E-2</v>
      </c>
      <c r="P104" s="181">
        <v>983</v>
      </c>
      <c r="Q104" s="182">
        <v>0.20229162104507459</v>
      </c>
      <c r="R104" s="98">
        <v>2.5117193632804388E-2</v>
      </c>
      <c r="S104" s="182">
        <v>0.19113505197135036</v>
      </c>
      <c r="T104" s="98">
        <v>2.4591601994818867E-2</v>
      </c>
      <c r="U104" s="182">
        <v>0.60657332698357502</v>
      </c>
      <c r="V104" s="98">
        <v>3.0482784207767847E-2</v>
      </c>
    </row>
    <row r="105" spans="1:22">
      <c r="A105" s="50" t="s">
        <v>434</v>
      </c>
      <c r="B105" s="51">
        <v>244</v>
      </c>
      <c r="C105" s="183">
        <v>0.24082061647577158</v>
      </c>
      <c r="D105" s="95">
        <v>5.3528775059739193E-2</v>
      </c>
      <c r="E105" s="183">
        <v>0.2879150364247815</v>
      </c>
      <c r="F105" s="95">
        <v>5.6551924456031778E-2</v>
      </c>
      <c r="G105" s="183">
        <v>0.47126434709944692</v>
      </c>
      <c r="H105" s="95">
        <v>6.2130499633223923E-2</v>
      </c>
      <c r="I105" s="51">
        <v>253</v>
      </c>
      <c r="J105" s="183">
        <v>0.22005538019257717</v>
      </c>
      <c r="K105" s="95">
        <v>5.1006841161833176E-2</v>
      </c>
      <c r="L105" s="183">
        <v>0.18179006485473873</v>
      </c>
      <c r="M105" s="95">
        <v>4.7645880296437071E-2</v>
      </c>
      <c r="N105" s="183">
        <v>0.5981545549526841</v>
      </c>
      <c r="O105" s="95">
        <v>5.9978334048664192E-2</v>
      </c>
      <c r="P105" s="51">
        <v>270</v>
      </c>
      <c r="Q105" s="183">
        <v>0.17472153303993973</v>
      </c>
      <c r="R105" s="95">
        <v>4.5438508823830742E-2</v>
      </c>
      <c r="S105" s="183">
        <v>0.12157148919468592</v>
      </c>
      <c r="T105" s="95">
        <v>3.9439369441464651E-2</v>
      </c>
      <c r="U105" s="183">
        <v>0.70370697776537439</v>
      </c>
      <c r="V105" s="95">
        <v>5.4223360119395402E-2</v>
      </c>
    </row>
    <row r="106" spans="1:22" ht="25.5">
      <c r="A106" s="46" t="s">
        <v>438</v>
      </c>
      <c r="B106" s="181">
        <v>52</v>
      </c>
      <c r="C106" s="182">
        <v>0.17054415848884125</v>
      </c>
      <c r="D106" s="98">
        <v>0.10358470393079475</v>
      </c>
      <c r="E106" s="182">
        <v>0.21859254325712688</v>
      </c>
      <c r="F106" s="98">
        <v>0.11165080488099671</v>
      </c>
      <c r="G106" s="182">
        <v>0.61086329825403185</v>
      </c>
      <c r="H106" s="98">
        <v>0.12815227979352944</v>
      </c>
      <c r="I106" s="181">
        <v>54</v>
      </c>
      <c r="J106" s="182">
        <v>0.27970401794181471</v>
      </c>
      <c r="K106" s="98">
        <v>0.11735550492518455</v>
      </c>
      <c r="L106" s="182">
        <v>0.16239587326773941</v>
      </c>
      <c r="M106" s="98">
        <v>0.1000739888715568</v>
      </c>
      <c r="N106" s="182">
        <v>0.55790010879044594</v>
      </c>
      <c r="O106" s="98">
        <v>0.12793023739383436</v>
      </c>
      <c r="P106" s="181">
        <v>58</v>
      </c>
      <c r="Q106" s="182">
        <v>0.16205799994476361</v>
      </c>
      <c r="R106" s="98">
        <v>9.6424375682082217E-2</v>
      </c>
      <c r="S106" s="182">
        <v>3.2655397393241505E-2</v>
      </c>
      <c r="T106" s="98">
        <v>6.0391759029387884E-2</v>
      </c>
      <c r="U106" s="182">
        <v>0.80528660266199492</v>
      </c>
      <c r="V106" s="98">
        <v>0.10215984095587487</v>
      </c>
    </row>
    <row r="107" spans="1:22" ht="38.25">
      <c r="A107" s="54" t="s">
        <v>454</v>
      </c>
      <c r="B107" s="179">
        <v>59</v>
      </c>
      <c r="C107" s="180">
        <v>0.20601586115467316</v>
      </c>
      <c r="D107" s="95">
        <v>0.10306460463823831</v>
      </c>
      <c r="E107" s="180">
        <v>0.2753704254820048</v>
      </c>
      <c r="F107" s="95">
        <v>0.11200851478955143</v>
      </c>
      <c r="G107" s="180">
        <v>0.51861371336332196</v>
      </c>
      <c r="H107" s="95">
        <v>0.12339333482153414</v>
      </c>
      <c r="I107" s="179">
        <v>63</v>
      </c>
      <c r="J107" s="180">
        <v>0.18394353477314235</v>
      </c>
      <c r="K107" s="95">
        <v>9.6282272297869842E-2</v>
      </c>
      <c r="L107" s="180">
        <v>0.15432603170110185</v>
      </c>
      <c r="M107" s="95">
        <v>9.097640438322227E-2</v>
      </c>
      <c r="N107" s="180">
        <v>0.66173043352575578</v>
      </c>
      <c r="O107" s="95">
        <v>0.11405394099474195</v>
      </c>
      <c r="P107" s="179">
        <v>68</v>
      </c>
      <c r="Q107" s="180">
        <v>0.18180419109839474</v>
      </c>
      <c r="R107" s="95">
        <v>9.2305380128830786E-2</v>
      </c>
      <c r="S107" s="180">
        <v>0.21663212816731009</v>
      </c>
      <c r="T107" s="95">
        <v>9.7557113362434833E-2</v>
      </c>
      <c r="U107" s="180">
        <v>0.60156368073429511</v>
      </c>
      <c r="V107" s="95">
        <v>0.11334888818503228</v>
      </c>
    </row>
    <row r="108" spans="1:22" ht="25.5">
      <c r="A108" s="46" t="s">
        <v>444</v>
      </c>
      <c r="B108" s="181">
        <v>102</v>
      </c>
      <c r="C108" s="182">
        <v>0.2784865530900717</v>
      </c>
      <c r="D108" s="98">
        <v>8.6103141253696405E-2</v>
      </c>
      <c r="E108" s="182">
        <v>0.31768531785903015</v>
      </c>
      <c r="F108" s="98">
        <v>8.9134493853932129E-2</v>
      </c>
      <c r="G108" s="182">
        <v>0.40382812905089827</v>
      </c>
      <c r="H108" s="98">
        <v>9.3541430896112776E-2</v>
      </c>
      <c r="I108" s="181">
        <v>103</v>
      </c>
      <c r="J108" s="182">
        <v>0.21454582731641858</v>
      </c>
      <c r="K108" s="98">
        <v>7.9150710259960497E-2</v>
      </c>
      <c r="L108" s="182">
        <v>0.19320468809625119</v>
      </c>
      <c r="M108" s="98">
        <v>7.6448303557500638E-2</v>
      </c>
      <c r="N108" s="182">
        <v>0.59224948458733029</v>
      </c>
      <c r="O108" s="98">
        <v>9.3234037532629613E-2</v>
      </c>
      <c r="P108" s="181">
        <v>110</v>
      </c>
      <c r="Q108" s="182">
        <v>0.18402430413519272</v>
      </c>
      <c r="R108" s="98">
        <v>7.2746593769113466E-2</v>
      </c>
      <c r="S108" s="182">
        <v>0.13935504079145547</v>
      </c>
      <c r="T108" s="98">
        <v>6.5907404822421009E-2</v>
      </c>
      <c r="U108" s="182">
        <v>0.6766206550733519</v>
      </c>
      <c r="V108" s="98">
        <v>8.6289191388305569E-2</v>
      </c>
    </row>
    <row r="109" spans="1:22">
      <c r="A109" s="54" t="s">
        <v>445</v>
      </c>
      <c r="B109" s="179">
        <v>214</v>
      </c>
      <c r="C109" s="180">
        <v>0.2387291346924918</v>
      </c>
      <c r="D109" s="95">
        <v>5.6976496266425827E-2</v>
      </c>
      <c r="E109" s="180">
        <v>0.27502920008749804</v>
      </c>
      <c r="F109" s="95">
        <v>5.9548726532805601E-2</v>
      </c>
      <c r="G109" s="180">
        <v>0.48624166522001017</v>
      </c>
      <c r="H109" s="95">
        <v>6.6349756383082215E-2</v>
      </c>
      <c r="I109" s="179">
        <v>230</v>
      </c>
      <c r="J109" s="180">
        <v>0.21689146951840335</v>
      </c>
      <c r="K109" s="95">
        <v>5.3226286653258778E-2</v>
      </c>
      <c r="L109" s="180">
        <v>0.15862617409026422</v>
      </c>
      <c r="M109" s="95">
        <v>4.7496721248877147E-2</v>
      </c>
      <c r="N109" s="180">
        <v>0.62448235639133243</v>
      </c>
      <c r="O109" s="95">
        <v>6.2116821854889023E-2</v>
      </c>
      <c r="P109" s="179">
        <v>237</v>
      </c>
      <c r="Q109" s="180">
        <v>5.7594735447839836E-2</v>
      </c>
      <c r="R109" s="95">
        <v>3.1111134168253719E-2</v>
      </c>
      <c r="S109" s="180">
        <v>0.11478576159316582</v>
      </c>
      <c r="T109" s="95">
        <v>4.1201402501682374E-2</v>
      </c>
      <c r="U109" s="180">
        <v>0.82761950295899434</v>
      </c>
      <c r="V109" s="95">
        <v>4.8274696381433099E-2</v>
      </c>
    </row>
    <row r="110" spans="1:22">
      <c r="A110" s="46" t="s">
        <v>446</v>
      </c>
      <c r="B110" s="181">
        <v>112</v>
      </c>
      <c r="C110" s="182">
        <v>0.23449537578588034</v>
      </c>
      <c r="D110" s="98">
        <v>7.8121777774750725E-2</v>
      </c>
      <c r="E110" s="182">
        <v>0.26545159846693589</v>
      </c>
      <c r="F110" s="98">
        <v>8.1122829682551661E-2</v>
      </c>
      <c r="G110" s="182">
        <v>0.5000530257471838</v>
      </c>
      <c r="H110" s="98">
        <v>9.0990715229752828E-2</v>
      </c>
      <c r="I110" s="181">
        <v>116</v>
      </c>
      <c r="J110" s="182">
        <v>0.23659399509898915</v>
      </c>
      <c r="K110" s="98">
        <v>7.6992020768186023E-2</v>
      </c>
      <c r="L110" s="182">
        <v>0.14174037537375941</v>
      </c>
      <c r="M110" s="98">
        <v>6.4527398851465717E-2</v>
      </c>
      <c r="N110" s="182">
        <v>0.62166562952725135</v>
      </c>
      <c r="O110" s="98">
        <v>8.6951253588568964E-2</v>
      </c>
      <c r="P110" s="181">
        <v>122</v>
      </c>
      <c r="Q110" s="182">
        <v>5.9483406456957835E-2</v>
      </c>
      <c r="R110" s="98">
        <v>4.555649288156223E-2</v>
      </c>
      <c r="S110" s="182">
        <v>0.13826952926036259</v>
      </c>
      <c r="T110" s="98">
        <v>6.2306185238169658E-2</v>
      </c>
      <c r="U110" s="182">
        <v>0.80224706428267956</v>
      </c>
      <c r="V110" s="98">
        <v>7.0788395125234591E-2</v>
      </c>
    </row>
    <row r="111" spans="1:22">
      <c r="A111" s="54" t="s">
        <v>447</v>
      </c>
      <c r="B111" s="179">
        <v>102</v>
      </c>
      <c r="C111" s="180">
        <v>0.24685649973913923</v>
      </c>
      <c r="D111" s="95">
        <v>8.3125999544938892E-2</v>
      </c>
      <c r="E111" s="180">
        <v>0.29341491036498085</v>
      </c>
      <c r="F111" s="95">
        <v>8.733964210482284E-2</v>
      </c>
      <c r="G111" s="180">
        <v>0.45972858989587989</v>
      </c>
      <c r="H111" s="95">
        <v>9.4899702822777696E-2</v>
      </c>
      <c r="I111" s="179">
        <v>114</v>
      </c>
      <c r="J111" s="180">
        <v>0.18662909685771148</v>
      </c>
      <c r="K111" s="95">
        <v>7.1798481308501652E-2</v>
      </c>
      <c r="L111" s="180">
        <v>0.18456215530963777</v>
      </c>
      <c r="M111" s="95">
        <v>7.1522924253333842E-2</v>
      </c>
      <c r="N111" s="180">
        <v>0.62880874783265073</v>
      </c>
      <c r="O111" s="95">
        <v>8.7377486764426679E-2</v>
      </c>
      <c r="P111" s="179">
        <v>115</v>
      </c>
      <c r="Q111" s="180">
        <v>5.4582708498908547E-2</v>
      </c>
      <c r="R111" s="95">
        <v>4.5707904112171675E-2</v>
      </c>
      <c r="S111" s="180">
        <v>7.7334166935041485E-2</v>
      </c>
      <c r="T111" s="95">
        <v>5.1813625590884337E-2</v>
      </c>
      <c r="U111" s="180">
        <v>0.86808312456604997</v>
      </c>
      <c r="V111" s="95">
        <v>6.3133996538134909E-2</v>
      </c>
    </row>
    <row r="112" spans="1:22" s="5" customFormat="1"/>
  </sheetData>
  <mergeCells count="23">
    <mergeCell ref="A5:D5"/>
    <mergeCell ref="A3:O3"/>
    <mergeCell ref="A4:O4"/>
    <mergeCell ref="E5:O5"/>
    <mergeCell ref="A22:I22"/>
    <mergeCell ref="A24:D24"/>
    <mergeCell ref="A41:D41"/>
    <mergeCell ref="A42:D42"/>
    <mergeCell ref="E24:I24"/>
    <mergeCell ref="A23:I23"/>
    <mergeCell ref="A43:D43"/>
    <mergeCell ref="B62:H62"/>
    <mergeCell ref="I62:O62"/>
    <mergeCell ref="A60:O60"/>
    <mergeCell ref="A61:O61"/>
    <mergeCell ref="B100:H100"/>
    <mergeCell ref="I100:O100"/>
    <mergeCell ref="P100:V100"/>
    <mergeCell ref="A79:D79"/>
    <mergeCell ref="A80:D80"/>
    <mergeCell ref="A81:D81"/>
    <mergeCell ref="A98:V98"/>
    <mergeCell ref="A99:V99"/>
  </mergeCell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74"/>
  <sheetViews>
    <sheetView topLeftCell="A61" workbookViewId="0">
      <selection activeCell="A69" sqref="A69"/>
    </sheetView>
  </sheetViews>
  <sheetFormatPr defaultColWidth="19.140625" defaultRowHeight="15"/>
  <cols>
    <col min="1" max="1" width="30.140625" customWidth="1"/>
  </cols>
  <sheetData>
    <row r="1" spans="1:4" ht="31.5">
      <c r="A1" s="30" t="s">
        <v>47</v>
      </c>
    </row>
    <row r="3" spans="1:4" ht="18.75">
      <c r="A3" s="327" t="s">
        <v>15</v>
      </c>
      <c r="B3" s="327"/>
      <c r="C3" s="327"/>
      <c r="D3" s="327"/>
    </row>
    <row r="4" spans="1:4" ht="152.25" customHeight="1">
      <c r="A4" s="348" t="s">
        <v>389</v>
      </c>
      <c r="B4" s="348"/>
      <c r="C4" s="348"/>
      <c r="D4" s="348"/>
    </row>
    <row r="5" spans="1:4" ht="15.75" customHeight="1">
      <c r="A5" s="347" t="s">
        <v>207</v>
      </c>
      <c r="B5" s="347"/>
      <c r="C5" s="347"/>
      <c r="D5" s="347"/>
    </row>
    <row r="6" spans="1:4" ht="72">
      <c r="A6" s="34" t="s">
        <v>114</v>
      </c>
      <c r="B6" s="35" t="s">
        <v>115</v>
      </c>
      <c r="C6" s="36" t="s">
        <v>116</v>
      </c>
      <c r="D6" s="37" t="s">
        <v>117</v>
      </c>
    </row>
    <row r="7" spans="1:4" ht="72">
      <c r="A7" s="38"/>
      <c r="B7" s="39" t="s">
        <v>118</v>
      </c>
      <c r="C7" s="130" t="s">
        <v>208</v>
      </c>
      <c r="D7" s="41" t="s">
        <v>120</v>
      </c>
    </row>
    <row r="8" spans="1:4">
      <c r="A8" s="42" t="s">
        <v>442</v>
      </c>
      <c r="B8" s="184">
        <v>12281</v>
      </c>
      <c r="C8" s="185">
        <v>4.3914358412499848</v>
      </c>
      <c r="D8" s="85">
        <v>4.0951281730191802E-2</v>
      </c>
    </row>
    <row r="9" spans="1:4">
      <c r="A9" s="46" t="s">
        <v>443</v>
      </c>
      <c r="B9" s="186">
        <v>971</v>
      </c>
      <c r="C9" s="187">
        <v>4.283679846180001</v>
      </c>
      <c r="D9" s="88">
        <v>0.15025364493158744</v>
      </c>
    </row>
    <row r="10" spans="1:4">
      <c r="A10" s="50" t="s">
        <v>434</v>
      </c>
      <c r="B10" s="80">
        <v>268</v>
      </c>
      <c r="C10" s="81">
        <v>4.5293359334802199</v>
      </c>
      <c r="D10" s="82">
        <v>0.27086348410146943</v>
      </c>
    </row>
    <row r="11" spans="1:4" ht="25.5">
      <c r="A11" s="46" t="s">
        <v>438</v>
      </c>
      <c r="B11" s="186">
        <v>56</v>
      </c>
      <c r="C11" s="187">
        <v>4.5994153382012879</v>
      </c>
      <c r="D11" s="88">
        <v>0.51418532378542103</v>
      </c>
    </row>
    <row r="12" spans="1:4" ht="38.25">
      <c r="A12" s="54" t="s">
        <v>454</v>
      </c>
      <c r="B12" s="184">
        <v>66</v>
      </c>
      <c r="C12" s="185">
        <v>4.862452734427098</v>
      </c>
      <c r="D12" s="85">
        <v>0.48082217782905889</v>
      </c>
    </row>
    <row r="13" spans="1:4" ht="25.5">
      <c r="A13" s="46" t="s">
        <v>444</v>
      </c>
      <c r="B13" s="186">
        <v>112</v>
      </c>
      <c r="C13" s="187">
        <v>4.4107671978976386</v>
      </c>
      <c r="D13" s="88">
        <v>0.3595806936457695</v>
      </c>
    </row>
    <row r="14" spans="1:4">
      <c r="A14" s="54" t="s">
        <v>445</v>
      </c>
      <c r="B14" s="184">
        <v>234</v>
      </c>
      <c r="C14" s="185">
        <v>4.8042946610645947</v>
      </c>
      <c r="D14" s="85">
        <v>0.22278755467244871</v>
      </c>
    </row>
    <row r="15" spans="1:4">
      <c r="A15" s="46" t="s">
        <v>446</v>
      </c>
      <c r="B15" s="186">
        <v>121</v>
      </c>
      <c r="C15" s="187">
        <v>4.6859124320618388</v>
      </c>
      <c r="D15" s="88">
        <v>0.2426599694917666</v>
      </c>
    </row>
    <row r="16" spans="1:4">
      <c r="A16" s="54" t="s">
        <v>447</v>
      </c>
      <c r="B16" s="184">
        <v>113</v>
      </c>
      <c r="C16" s="185">
        <v>4.9915544870771935</v>
      </c>
      <c r="D16" s="85">
        <v>0.4073282104523086</v>
      </c>
    </row>
    <row r="17" spans="1:29" s="5" customFormat="1"/>
    <row r="22" spans="1:29" ht="18.75">
      <c r="A22" s="327" t="s">
        <v>50</v>
      </c>
      <c r="B22" s="327"/>
      <c r="C22" s="327"/>
      <c r="D22" s="327"/>
      <c r="E22" s="327"/>
      <c r="F22" s="327"/>
      <c r="G22" s="327"/>
      <c r="H22" s="327"/>
      <c r="I22" s="327"/>
      <c r="J22" s="327"/>
      <c r="K22" s="327"/>
      <c r="L22" s="327"/>
      <c r="M22" s="327"/>
      <c r="N22" s="327"/>
      <c r="O22" s="327"/>
      <c r="P22" s="327"/>
      <c r="Q22" s="327"/>
      <c r="R22" s="327"/>
      <c r="S22" s="327"/>
      <c r="T22" s="327"/>
      <c r="U22" s="327"/>
      <c r="V22" s="327"/>
      <c r="W22" s="327"/>
      <c r="X22" s="327"/>
      <c r="Y22" s="327"/>
      <c r="Z22" s="327"/>
      <c r="AA22" s="327"/>
      <c r="AB22" s="327"/>
      <c r="AC22" s="327"/>
    </row>
    <row r="23" spans="1:29" ht="54.75" customHeight="1">
      <c r="A23" s="348" t="s">
        <v>209</v>
      </c>
      <c r="B23" s="348"/>
      <c r="C23" s="348"/>
      <c r="D23" s="348"/>
      <c r="E23" s="348"/>
      <c r="F23" s="348"/>
      <c r="G23" s="348"/>
      <c r="H23" s="348"/>
      <c r="I23" s="348"/>
      <c r="J23" s="348"/>
      <c r="K23" s="348"/>
      <c r="L23" s="348"/>
      <c r="M23" s="348"/>
      <c r="N23" s="348"/>
      <c r="O23" s="348"/>
      <c r="P23" s="348"/>
      <c r="Q23" s="348"/>
      <c r="R23" s="348"/>
      <c r="S23" s="348"/>
      <c r="T23" s="348"/>
      <c r="U23" s="348"/>
      <c r="V23" s="348"/>
      <c r="W23" s="348"/>
      <c r="X23" s="348"/>
      <c r="Y23" s="348"/>
      <c r="Z23" s="348"/>
      <c r="AA23" s="348"/>
      <c r="AB23" s="348"/>
      <c r="AC23" s="348"/>
    </row>
    <row r="24" spans="1:29" ht="33.75" customHeight="1">
      <c r="A24" s="61"/>
      <c r="B24" s="347" t="s">
        <v>210</v>
      </c>
      <c r="C24" s="347"/>
      <c r="D24" s="347"/>
      <c r="E24" s="347"/>
      <c r="F24" s="347"/>
      <c r="G24" s="347"/>
      <c r="H24" s="347"/>
      <c r="I24" s="347" t="s">
        <v>211</v>
      </c>
      <c r="J24" s="347"/>
      <c r="K24" s="347"/>
      <c r="L24" s="347"/>
      <c r="M24" s="347"/>
      <c r="N24" s="347"/>
      <c r="O24" s="347"/>
      <c r="P24" s="347" t="s">
        <v>212</v>
      </c>
      <c r="Q24" s="347"/>
      <c r="R24" s="347"/>
      <c r="S24" s="347"/>
      <c r="T24" s="347"/>
      <c r="U24" s="347"/>
      <c r="V24" s="347"/>
      <c r="W24" s="347" t="s">
        <v>390</v>
      </c>
      <c r="X24" s="347"/>
      <c r="Y24" s="347"/>
      <c r="Z24" s="347"/>
      <c r="AA24" s="347"/>
      <c r="AB24" s="347"/>
      <c r="AC24" s="347"/>
    </row>
    <row r="25" spans="1:29" ht="41.25" customHeight="1">
      <c r="A25" s="34" t="s">
        <v>114</v>
      </c>
      <c r="B25" s="35" t="s">
        <v>115</v>
      </c>
      <c r="C25" s="35" t="s">
        <v>300</v>
      </c>
      <c r="D25" s="90" t="s">
        <v>145</v>
      </c>
      <c r="E25" s="35" t="s">
        <v>301</v>
      </c>
      <c r="F25" s="90" t="s">
        <v>146</v>
      </c>
      <c r="G25" s="35" t="s">
        <v>302</v>
      </c>
      <c r="H25" s="90" t="s">
        <v>147</v>
      </c>
      <c r="I25" s="62" t="s">
        <v>115</v>
      </c>
      <c r="J25" s="62" t="s">
        <v>300</v>
      </c>
      <c r="K25" s="89" t="s">
        <v>145</v>
      </c>
      <c r="L25" s="62" t="s">
        <v>301</v>
      </c>
      <c r="M25" s="89" t="s">
        <v>146</v>
      </c>
      <c r="N25" s="62" t="s">
        <v>302</v>
      </c>
      <c r="O25" s="89" t="s">
        <v>147</v>
      </c>
      <c r="P25" s="35" t="s">
        <v>115</v>
      </c>
      <c r="Q25" s="35" t="s">
        <v>300</v>
      </c>
      <c r="R25" s="90" t="s">
        <v>145</v>
      </c>
      <c r="S25" s="35" t="s">
        <v>301</v>
      </c>
      <c r="T25" s="90" t="s">
        <v>146</v>
      </c>
      <c r="U25" s="35" t="s">
        <v>302</v>
      </c>
      <c r="V25" s="90" t="s">
        <v>147</v>
      </c>
      <c r="W25" s="62" t="s">
        <v>115</v>
      </c>
      <c r="X25" s="62" t="s">
        <v>300</v>
      </c>
      <c r="Y25" s="89" t="s">
        <v>145</v>
      </c>
      <c r="Z25" s="62" t="s">
        <v>301</v>
      </c>
      <c r="AA25" s="89" t="s">
        <v>146</v>
      </c>
      <c r="AB25" s="62" t="s">
        <v>302</v>
      </c>
      <c r="AC25" s="89" t="s">
        <v>147</v>
      </c>
    </row>
    <row r="26" spans="1:29" ht="77.25" customHeight="1">
      <c r="A26" s="38"/>
      <c r="B26" s="39" t="s">
        <v>118</v>
      </c>
      <c r="C26" s="39" t="s">
        <v>303</v>
      </c>
      <c r="D26" s="92" t="s">
        <v>213</v>
      </c>
      <c r="E26" s="39" t="s">
        <v>304</v>
      </c>
      <c r="F26" s="92" t="s">
        <v>214</v>
      </c>
      <c r="G26" s="39" t="s">
        <v>305</v>
      </c>
      <c r="H26" s="92" t="s">
        <v>215</v>
      </c>
      <c r="I26" s="65" t="s">
        <v>118</v>
      </c>
      <c r="J26" s="65" t="s">
        <v>303</v>
      </c>
      <c r="K26" s="91" t="s">
        <v>213</v>
      </c>
      <c r="L26" s="65" t="s">
        <v>304</v>
      </c>
      <c r="M26" s="91" t="s">
        <v>214</v>
      </c>
      <c r="N26" s="65" t="s">
        <v>305</v>
      </c>
      <c r="O26" s="91" t="s">
        <v>215</v>
      </c>
      <c r="P26" s="39" t="s">
        <v>118</v>
      </c>
      <c r="Q26" s="39" t="s">
        <v>303</v>
      </c>
      <c r="R26" s="92" t="s">
        <v>213</v>
      </c>
      <c r="S26" s="39" t="s">
        <v>304</v>
      </c>
      <c r="T26" s="92" t="s">
        <v>214</v>
      </c>
      <c r="U26" s="39" t="s">
        <v>305</v>
      </c>
      <c r="V26" s="92" t="s">
        <v>215</v>
      </c>
      <c r="W26" s="65" t="s">
        <v>118</v>
      </c>
      <c r="X26" s="65" t="s">
        <v>303</v>
      </c>
      <c r="Y26" s="91" t="s">
        <v>213</v>
      </c>
      <c r="Z26" s="65" t="s">
        <v>304</v>
      </c>
      <c r="AA26" s="91" t="s">
        <v>214</v>
      </c>
      <c r="AB26" s="65" t="s">
        <v>305</v>
      </c>
      <c r="AC26" s="91" t="s">
        <v>215</v>
      </c>
    </row>
    <row r="27" spans="1:29">
      <c r="A27" s="42" t="s">
        <v>442</v>
      </c>
      <c r="B27" s="184">
        <v>12358</v>
      </c>
      <c r="C27" s="188">
        <v>0.33155788412339932</v>
      </c>
      <c r="D27" s="95">
        <v>8.2992963109474547E-3</v>
      </c>
      <c r="E27" s="188">
        <v>0.1996986823942023</v>
      </c>
      <c r="F27" s="95">
        <v>7.0486400674939125E-3</v>
      </c>
      <c r="G27" s="188">
        <v>0.46874343348239839</v>
      </c>
      <c r="H27" s="95">
        <v>8.7969476381442174E-3</v>
      </c>
      <c r="I27" s="184">
        <v>12378</v>
      </c>
      <c r="J27" s="188">
        <v>0.39990913520657373</v>
      </c>
      <c r="K27" s="95">
        <v>8.6289051972025261E-3</v>
      </c>
      <c r="L27" s="188">
        <v>0.19478620270533847</v>
      </c>
      <c r="M27" s="95">
        <v>6.9771598009403767E-3</v>
      </c>
      <c r="N27" s="188">
        <v>0.4053046620880878</v>
      </c>
      <c r="O27" s="95">
        <v>8.6477665427070784E-3</v>
      </c>
      <c r="P27" s="184">
        <v>12361</v>
      </c>
      <c r="Q27" s="188">
        <v>0.23828433438762517</v>
      </c>
      <c r="R27" s="95">
        <v>7.5102812853526336E-3</v>
      </c>
      <c r="S27" s="188">
        <v>0.15442294460253603</v>
      </c>
      <c r="T27" s="95">
        <v>6.3711811529335175E-3</v>
      </c>
      <c r="U27" s="188">
        <v>0.60729272100983878</v>
      </c>
      <c r="V27" s="95">
        <v>8.60794145778007E-3</v>
      </c>
      <c r="W27" s="184">
        <v>12517</v>
      </c>
      <c r="X27" s="188">
        <v>0.18910442117109544</v>
      </c>
      <c r="Y27" s="95">
        <v>6.8605240509122525E-3</v>
      </c>
      <c r="Z27" s="188">
        <v>0.19656877983842372</v>
      </c>
      <c r="AA27" s="95">
        <v>6.9622408394216725E-3</v>
      </c>
      <c r="AB27" s="188">
        <v>0.61432679899048082</v>
      </c>
      <c r="AC27" s="95">
        <v>8.5261639190151606E-3</v>
      </c>
    </row>
    <row r="28" spans="1:29">
      <c r="A28" s="46" t="s">
        <v>443</v>
      </c>
      <c r="B28" s="186">
        <v>967</v>
      </c>
      <c r="C28" s="189">
        <v>0.36287135393826359</v>
      </c>
      <c r="D28" s="98">
        <v>3.0253911324883646E-2</v>
      </c>
      <c r="E28" s="189">
        <v>0.2286177451121896</v>
      </c>
      <c r="F28" s="98">
        <v>2.645943594460105E-2</v>
      </c>
      <c r="G28" s="189">
        <v>0.40851090094954678</v>
      </c>
      <c r="H28" s="98">
        <v>3.0923133264853873E-2</v>
      </c>
      <c r="I28" s="186">
        <v>966</v>
      </c>
      <c r="J28" s="189">
        <v>0.43804267338295316</v>
      </c>
      <c r="K28" s="98">
        <v>3.1225395801416925E-2</v>
      </c>
      <c r="L28" s="189">
        <v>0.20864437295253743</v>
      </c>
      <c r="M28" s="98">
        <v>2.5625733266402589E-2</v>
      </c>
      <c r="N28" s="189">
        <v>0.35331295366450943</v>
      </c>
      <c r="O28" s="98">
        <v>3.0092987769081394E-2</v>
      </c>
      <c r="P28" s="186">
        <v>983</v>
      </c>
      <c r="Q28" s="189">
        <v>0.20229162104507459</v>
      </c>
      <c r="R28" s="98">
        <v>2.5117193632804388E-2</v>
      </c>
      <c r="S28" s="189">
        <v>0.19113505197135036</v>
      </c>
      <c r="T28" s="98">
        <v>2.4591601994818867E-2</v>
      </c>
      <c r="U28" s="189">
        <v>0.60657332698357502</v>
      </c>
      <c r="V28" s="98">
        <v>3.0482784207767847E-2</v>
      </c>
      <c r="W28" s="186">
        <v>988</v>
      </c>
      <c r="X28" s="189">
        <v>0.20472669207606214</v>
      </c>
      <c r="Y28" s="98">
        <v>2.5163991400624787E-2</v>
      </c>
      <c r="Z28" s="189">
        <v>0.22320957808732211</v>
      </c>
      <c r="AA28" s="98">
        <v>2.5958490274503219E-2</v>
      </c>
      <c r="AB28" s="189">
        <v>0.57206372983661569</v>
      </c>
      <c r="AC28" s="98">
        <v>3.0792791478713215E-2</v>
      </c>
    </row>
    <row r="29" spans="1:29">
      <c r="A29" s="50" t="s">
        <v>434</v>
      </c>
      <c r="B29" s="51">
        <v>260</v>
      </c>
      <c r="C29" s="183">
        <v>0.31933392919074211</v>
      </c>
      <c r="D29" s="95">
        <v>5.6366637601102533E-2</v>
      </c>
      <c r="E29" s="183">
        <v>0.24984160771477162</v>
      </c>
      <c r="F29" s="95">
        <v>5.2484682266328485E-2</v>
      </c>
      <c r="G29" s="183">
        <v>0.4308244630944863</v>
      </c>
      <c r="H29" s="95">
        <v>5.9752323596965841E-2</v>
      </c>
      <c r="I29" s="51">
        <v>258</v>
      </c>
      <c r="J29" s="183">
        <v>0.33900804200261814</v>
      </c>
      <c r="K29" s="95">
        <v>5.7420667988266734E-2</v>
      </c>
      <c r="L29" s="183">
        <v>0.21767408998565138</v>
      </c>
      <c r="M29" s="95">
        <v>5.0322338227354636E-2</v>
      </c>
      <c r="N29" s="183">
        <v>0.44331786801173045</v>
      </c>
      <c r="O29" s="95">
        <v>6.016616481672428E-2</v>
      </c>
      <c r="P29" s="51">
        <v>261</v>
      </c>
      <c r="Q29" s="183">
        <v>0.15793930236449977</v>
      </c>
      <c r="R29" s="95">
        <v>4.448356242567663E-2</v>
      </c>
      <c r="S29" s="183">
        <v>0.16036631702791743</v>
      </c>
      <c r="T29" s="95">
        <v>4.474430810540643E-2</v>
      </c>
      <c r="U29" s="183">
        <v>0.68169438060758281</v>
      </c>
      <c r="V29" s="95">
        <v>5.6213123482883293E-2</v>
      </c>
      <c r="W29" s="51">
        <v>267</v>
      </c>
      <c r="X29" s="183">
        <v>0.14537845557254506</v>
      </c>
      <c r="Y29" s="95">
        <v>4.2584850852643436E-2</v>
      </c>
      <c r="Z29" s="183">
        <v>0.25409725696002589</v>
      </c>
      <c r="AA29" s="95">
        <v>5.2075460211428455E-2</v>
      </c>
      <c r="AB29" s="183">
        <v>0.60052428746742903</v>
      </c>
      <c r="AC29" s="95">
        <v>5.8351196572294081E-2</v>
      </c>
    </row>
    <row r="30" spans="1:29" ht="25.5">
      <c r="A30" s="46" t="s">
        <v>438</v>
      </c>
      <c r="B30" s="186">
        <v>56</v>
      </c>
      <c r="C30" s="189">
        <v>0.29427554142136414</v>
      </c>
      <c r="D30" s="98">
        <v>0.11681675471684687</v>
      </c>
      <c r="E30" s="189">
        <v>0.11857654434661041</v>
      </c>
      <c r="F30" s="98">
        <v>8.883918450659592E-2</v>
      </c>
      <c r="G30" s="189">
        <v>0.5871479142320255</v>
      </c>
      <c r="H30" s="98">
        <v>0.12483218332171846</v>
      </c>
      <c r="I30" s="186">
        <v>54</v>
      </c>
      <c r="J30" s="189">
        <v>0.28175440159920317</v>
      </c>
      <c r="K30" s="98">
        <v>0.11757525129741622</v>
      </c>
      <c r="L30" s="189">
        <v>0.32011592968950131</v>
      </c>
      <c r="M30" s="98">
        <v>0.12124690328580436</v>
      </c>
      <c r="N30" s="189">
        <v>0.39812966871129551</v>
      </c>
      <c r="O30" s="98">
        <v>0.12634399914661107</v>
      </c>
      <c r="P30" s="186">
        <v>55</v>
      </c>
      <c r="Q30" s="189">
        <v>0.19388990460232772</v>
      </c>
      <c r="R30" s="98">
        <v>0.1047664158340483</v>
      </c>
      <c r="S30" s="189">
        <v>7.0783577676127599E-2</v>
      </c>
      <c r="T30" s="98">
        <v>7.6511255600706748E-2</v>
      </c>
      <c r="U30" s="189">
        <v>0.73532651772154467</v>
      </c>
      <c r="V30" s="98">
        <v>0.1146495216907666</v>
      </c>
      <c r="W30" s="186">
        <v>58</v>
      </c>
      <c r="X30" s="189">
        <v>0.16748364608222416</v>
      </c>
      <c r="Y30" s="98">
        <v>9.7441828377248935E-2</v>
      </c>
      <c r="Z30" s="189">
        <v>0.16556793473906414</v>
      </c>
      <c r="AA30" s="98">
        <v>9.7085677218483352E-2</v>
      </c>
      <c r="AB30" s="189">
        <v>0.66694841917871173</v>
      </c>
      <c r="AC30" s="98">
        <v>0.11823281362185716</v>
      </c>
    </row>
    <row r="31" spans="1:29" ht="38.25">
      <c r="A31" s="54" t="s">
        <v>454</v>
      </c>
      <c r="B31" s="184">
        <v>66</v>
      </c>
      <c r="C31" s="188">
        <v>0.22683557508967861</v>
      </c>
      <c r="D31" s="95">
        <v>0.10039699961897985</v>
      </c>
      <c r="E31" s="188">
        <v>0.23880113539567932</v>
      </c>
      <c r="F31" s="95">
        <v>0.10193871075678432</v>
      </c>
      <c r="G31" s="188">
        <v>0.53436328951464207</v>
      </c>
      <c r="H31" s="95">
        <v>0.11688622816304191</v>
      </c>
      <c r="I31" s="184">
        <v>65</v>
      </c>
      <c r="J31" s="188">
        <v>0.39239677842144421</v>
      </c>
      <c r="K31" s="95">
        <v>0.11552826431259203</v>
      </c>
      <c r="L31" s="188">
        <v>0.18907614173813198</v>
      </c>
      <c r="M31" s="95">
        <v>9.5616168513655952E-2</v>
      </c>
      <c r="N31" s="188">
        <v>0.41852707984042381</v>
      </c>
      <c r="O31" s="95">
        <v>0.11657994098609563</v>
      </c>
      <c r="P31" s="184">
        <v>65</v>
      </c>
      <c r="Q31" s="188">
        <v>0.10820542472298122</v>
      </c>
      <c r="R31" s="95">
        <v>7.9590604119631786E-2</v>
      </c>
      <c r="S31" s="188">
        <v>0.11685835360510072</v>
      </c>
      <c r="T31" s="95">
        <v>8.1645353124077058E-2</v>
      </c>
      <c r="U31" s="188">
        <v>0.774936221671918</v>
      </c>
      <c r="V31" s="95">
        <v>0.1009165122879481</v>
      </c>
      <c r="W31" s="184">
        <v>66</v>
      </c>
      <c r="X31" s="188">
        <v>8.9977498535941336E-2</v>
      </c>
      <c r="Y31" s="95">
        <v>7.4283049701044573E-2</v>
      </c>
      <c r="Z31" s="188">
        <v>0.11137367374457513</v>
      </c>
      <c r="AA31" s="95">
        <v>7.9697230956952456E-2</v>
      </c>
      <c r="AB31" s="188">
        <v>0.79864882771948353</v>
      </c>
      <c r="AC31" s="95">
        <v>9.6791605411896103E-2</v>
      </c>
    </row>
    <row r="32" spans="1:29" ht="25.5">
      <c r="A32" s="46" t="s">
        <v>444</v>
      </c>
      <c r="B32" s="186">
        <v>106</v>
      </c>
      <c r="C32" s="189">
        <v>0.35688776612273732</v>
      </c>
      <c r="D32" s="98">
        <v>8.9814856093098416E-2</v>
      </c>
      <c r="E32" s="189">
        <v>0.30213256346697448</v>
      </c>
      <c r="F32" s="98">
        <v>8.6378403113476762E-2</v>
      </c>
      <c r="G32" s="189">
        <v>0.3409796704102882</v>
      </c>
      <c r="H32" s="98">
        <v>8.8942895889460513E-2</v>
      </c>
      <c r="I32" s="186">
        <v>107</v>
      </c>
      <c r="J32" s="189">
        <v>0.35929071204180774</v>
      </c>
      <c r="K32" s="98">
        <v>8.9529441054218631E-2</v>
      </c>
      <c r="L32" s="189">
        <v>0.17701999353525816</v>
      </c>
      <c r="M32" s="98">
        <v>7.2783842615411376E-2</v>
      </c>
      <c r="N32" s="189">
        <v>0.46368929442293411</v>
      </c>
      <c r="O32" s="98">
        <v>9.2789282020917727E-2</v>
      </c>
      <c r="P32" s="186">
        <v>108</v>
      </c>
      <c r="Q32" s="189">
        <v>0.15564894333817567</v>
      </c>
      <c r="R32" s="98">
        <v>6.9232319534771006E-2</v>
      </c>
      <c r="S32" s="189">
        <v>0.19758683873555366</v>
      </c>
      <c r="T32" s="98">
        <v>7.5220993840620476E-2</v>
      </c>
      <c r="U32" s="189">
        <v>0.6467642179262707</v>
      </c>
      <c r="V32" s="98">
        <v>8.8814509263306363E-2</v>
      </c>
      <c r="W32" s="186">
        <v>109</v>
      </c>
      <c r="X32" s="189">
        <v>0.15341571376682575</v>
      </c>
      <c r="Y32" s="98">
        <v>6.8552392208141785E-2</v>
      </c>
      <c r="Z32" s="189">
        <v>0.31622865658056976</v>
      </c>
      <c r="AA32" s="98">
        <v>8.6202287261750318E-2</v>
      </c>
      <c r="AB32" s="189">
        <v>0.53035562965260441</v>
      </c>
      <c r="AC32" s="98">
        <v>9.2032424042904404E-2</v>
      </c>
    </row>
    <row r="33" spans="1:29">
      <c r="A33" s="54" t="s">
        <v>445</v>
      </c>
      <c r="B33" s="184">
        <v>231</v>
      </c>
      <c r="C33" s="188">
        <v>0.21789204230600751</v>
      </c>
      <c r="D33" s="95">
        <v>5.3195185135265631E-2</v>
      </c>
      <c r="E33" s="188">
        <v>0.24980707097627861</v>
      </c>
      <c r="F33" s="95">
        <v>5.5660285935480648E-2</v>
      </c>
      <c r="G33" s="188">
        <v>0.53230088671771392</v>
      </c>
      <c r="H33" s="95">
        <v>6.3799125004588259E-2</v>
      </c>
      <c r="I33" s="184">
        <v>230</v>
      </c>
      <c r="J33" s="188">
        <v>0.27555097392856448</v>
      </c>
      <c r="K33" s="95">
        <v>5.7491365481886873E-2</v>
      </c>
      <c r="L33" s="188">
        <v>0.19557369703354882</v>
      </c>
      <c r="M33" s="95">
        <v>5.1326253866689812E-2</v>
      </c>
      <c r="N33" s="188">
        <v>0.5288753290378867</v>
      </c>
      <c r="O33" s="95">
        <v>6.3961309872710287E-2</v>
      </c>
      <c r="P33" s="184">
        <v>237</v>
      </c>
      <c r="Q33" s="188">
        <v>0.10497814257600074</v>
      </c>
      <c r="R33" s="95">
        <v>3.9744083262155346E-2</v>
      </c>
      <c r="S33" s="188">
        <v>0.25913804698043191</v>
      </c>
      <c r="T33" s="95">
        <v>5.5594422648310715E-2</v>
      </c>
      <c r="U33" s="188">
        <v>0.63588381044356734</v>
      </c>
      <c r="V33" s="95">
        <v>6.0831111031307304E-2</v>
      </c>
      <c r="W33" s="184">
        <v>233</v>
      </c>
      <c r="X33" s="188">
        <v>4.6343306601712403E-2</v>
      </c>
      <c r="Y33" s="95">
        <v>2.8775587120520751E-2</v>
      </c>
      <c r="Z33" s="188">
        <v>8.9806867229632187E-2</v>
      </c>
      <c r="AA33" s="95">
        <v>3.7633204583069034E-2</v>
      </c>
      <c r="AB33" s="188">
        <v>0.86384982616865547</v>
      </c>
      <c r="AC33" s="95">
        <v>4.4477536417432552E-2</v>
      </c>
    </row>
    <row r="34" spans="1:29">
      <c r="A34" s="46" t="s">
        <v>446</v>
      </c>
      <c r="B34" s="186">
        <v>120</v>
      </c>
      <c r="C34" s="189">
        <v>0.19342262363965596</v>
      </c>
      <c r="D34" s="98">
        <v>7.0838775434799509E-2</v>
      </c>
      <c r="E34" s="189">
        <v>0.30633562757270877</v>
      </c>
      <c r="F34" s="98">
        <v>8.1590198430250199E-2</v>
      </c>
      <c r="G34" s="189">
        <v>0.50024174878763528</v>
      </c>
      <c r="H34" s="98">
        <v>8.8006588359422683E-2</v>
      </c>
      <c r="I34" s="186">
        <v>121</v>
      </c>
      <c r="J34" s="189">
        <v>0.29897861442726487</v>
      </c>
      <c r="K34" s="98">
        <v>8.0743481609902551E-2</v>
      </c>
      <c r="L34" s="189">
        <v>0.15861278328511313</v>
      </c>
      <c r="M34" s="98">
        <v>6.5779964286935111E-2</v>
      </c>
      <c r="N34" s="189">
        <v>0.542408602287622</v>
      </c>
      <c r="O34" s="98">
        <v>8.7357931688600787E-2</v>
      </c>
      <c r="P34" s="186">
        <v>122</v>
      </c>
      <c r="Q34" s="189">
        <v>0.10107148911807784</v>
      </c>
      <c r="R34" s="98">
        <v>5.5437181120767037E-2</v>
      </c>
      <c r="S34" s="189">
        <v>0.34704110586779929</v>
      </c>
      <c r="T34" s="98">
        <v>8.3387428450259815E-2</v>
      </c>
      <c r="U34" s="189">
        <v>0.55188740501412292</v>
      </c>
      <c r="V34" s="98">
        <v>8.6863490266512411E-2</v>
      </c>
      <c r="W34" s="186">
        <v>120</v>
      </c>
      <c r="X34" s="189">
        <v>2.3629865587761523E-2</v>
      </c>
      <c r="Y34" s="98">
        <v>3.4073857159042785E-2</v>
      </c>
      <c r="Z34" s="189">
        <v>0.12265998421542409</v>
      </c>
      <c r="AA34" s="98">
        <v>6.0116303873427437E-2</v>
      </c>
      <c r="AB34" s="189">
        <v>0.8537101501968144</v>
      </c>
      <c r="AC34" s="98">
        <v>6.4149653235347937E-2</v>
      </c>
    </row>
    <row r="35" spans="1:29">
      <c r="A35" s="54" t="s">
        <v>447</v>
      </c>
      <c r="B35" s="184">
        <v>111</v>
      </c>
      <c r="C35" s="188">
        <v>0.26498753871572911</v>
      </c>
      <c r="D35" s="95">
        <v>8.143967811348217E-2</v>
      </c>
      <c r="E35" s="188">
        <v>0.14100839167235107</v>
      </c>
      <c r="F35" s="95">
        <v>6.588235226336836E-2</v>
      </c>
      <c r="G35" s="188">
        <v>0.59400406961191987</v>
      </c>
      <c r="H35" s="95">
        <v>8.9868172301566018E-2</v>
      </c>
      <c r="I35" s="184">
        <v>109</v>
      </c>
      <c r="J35" s="188">
        <v>0.23598412773093025</v>
      </c>
      <c r="K35" s="95">
        <v>7.9336057670430019E-2</v>
      </c>
      <c r="L35" s="188">
        <v>0.25799683305911247</v>
      </c>
      <c r="M35" s="95">
        <v>8.1526416867542903E-2</v>
      </c>
      <c r="N35" s="188">
        <v>0.50601903920995728</v>
      </c>
      <c r="O35" s="95">
        <v>9.2184429517536359E-2</v>
      </c>
      <c r="P35" s="184">
        <v>115</v>
      </c>
      <c r="Q35" s="188">
        <v>0.11099961942201701</v>
      </c>
      <c r="R35" s="95">
        <v>5.9232298785829668E-2</v>
      </c>
      <c r="S35" s="188">
        <v>0.12364964508217269</v>
      </c>
      <c r="T35" s="95">
        <v>6.1647019172310462E-2</v>
      </c>
      <c r="U35" s="188">
        <v>0.76535073549581034</v>
      </c>
      <c r="V35" s="95">
        <v>7.7121954091877692E-2</v>
      </c>
      <c r="W35" s="184">
        <v>113</v>
      </c>
      <c r="X35" s="188">
        <v>8.1855338203571618E-2</v>
      </c>
      <c r="Y35" s="95">
        <v>5.3418015080694416E-2</v>
      </c>
      <c r="Z35" s="188">
        <v>3.8441645733583649E-2</v>
      </c>
      <c r="AA35" s="95">
        <v>4.1033949101659743E-2</v>
      </c>
      <c r="AB35" s="188">
        <v>0.87970301606284473</v>
      </c>
      <c r="AC35" s="95">
        <v>6.158609608519023E-2</v>
      </c>
    </row>
    <row r="36" spans="1:29" s="5" customFormat="1"/>
    <row r="41" spans="1:29" ht="18.75">
      <c r="A41" s="327" t="s">
        <v>51</v>
      </c>
      <c r="B41" s="327"/>
      <c r="C41" s="327"/>
      <c r="D41" s="327"/>
    </row>
    <row r="42" spans="1:29" ht="147" customHeight="1">
      <c r="A42" s="356" t="s">
        <v>391</v>
      </c>
      <c r="B42" s="357"/>
      <c r="C42" s="357"/>
      <c r="D42" s="357"/>
    </row>
    <row r="43" spans="1:29" ht="32.25" customHeight="1">
      <c r="A43" s="329" t="s">
        <v>216</v>
      </c>
      <c r="B43" s="329"/>
      <c r="C43" s="329"/>
      <c r="D43" s="329"/>
    </row>
    <row r="44" spans="1:29" ht="38.25" customHeight="1">
      <c r="A44" s="34" t="s">
        <v>114</v>
      </c>
      <c r="B44" s="35" t="s">
        <v>115</v>
      </c>
      <c r="C44" s="36" t="s">
        <v>116</v>
      </c>
      <c r="D44" s="37" t="s">
        <v>117</v>
      </c>
    </row>
    <row r="45" spans="1:29" ht="72">
      <c r="A45" s="38"/>
      <c r="B45" s="39" t="s">
        <v>118</v>
      </c>
      <c r="C45" s="130" t="s">
        <v>217</v>
      </c>
      <c r="D45" s="41" t="s">
        <v>120</v>
      </c>
    </row>
    <row r="46" spans="1:29">
      <c r="A46" s="42" t="s">
        <v>442</v>
      </c>
      <c r="B46" s="190">
        <v>11241</v>
      </c>
      <c r="C46" s="191">
        <v>4.0609946285479666</v>
      </c>
      <c r="D46" s="133">
        <v>4.1840405330496822E-2</v>
      </c>
    </row>
    <row r="47" spans="1:29">
      <c r="A47" s="46" t="s">
        <v>443</v>
      </c>
      <c r="B47" s="192">
        <v>888</v>
      </c>
      <c r="C47" s="193">
        <v>3.9995874909637847</v>
      </c>
      <c r="D47" s="137">
        <v>0.16595189408367794</v>
      </c>
    </row>
    <row r="48" spans="1:29">
      <c r="A48" s="50" t="s">
        <v>434</v>
      </c>
      <c r="B48" s="80">
        <v>246</v>
      </c>
      <c r="C48" s="81">
        <v>4.2533166455159908</v>
      </c>
      <c r="D48" s="82">
        <v>0.27941290983586731</v>
      </c>
    </row>
    <row r="49" spans="1:22" ht="25.5">
      <c r="A49" s="46" t="s">
        <v>438</v>
      </c>
      <c r="B49" s="192">
        <v>52</v>
      </c>
      <c r="C49" s="193">
        <v>4.0644194796301614</v>
      </c>
      <c r="D49" s="137">
        <v>0.56712506327791923</v>
      </c>
    </row>
    <row r="50" spans="1:22" ht="38.25">
      <c r="A50" s="54" t="s">
        <v>454</v>
      </c>
      <c r="B50" s="190">
        <v>60</v>
      </c>
      <c r="C50" s="191">
        <v>3.9111819115521387</v>
      </c>
      <c r="D50" s="133">
        <v>0.49276784104613158</v>
      </c>
    </row>
    <row r="51" spans="1:22" ht="25.5">
      <c r="A51" s="46" t="s">
        <v>444</v>
      </c>
      <c r="B51" s="192">
        <v>101</v>
      </c>
      <c r="C51" s="193">
        <v>4.260657736659617</v>
      </c>
      <c r="D51" s="137">
        <v>0.36482374401029594</v>
      </c>
    </row>
    <row r="52" spans="1:22">
      <c r="A52" s="54" t="s">
        <v>445</v>
      </c>
      <c r="B52" s="190">
        <v>215</v>
      </c>
      <c r="C52" s="191">
        <v>4.2854268836783316</v>
      </c>
      <c r="D52" s="133">
        <v>0.34377689548062085</v>
      </c>
    </row>
    <row r="53" spans="1:22">
      <c r="A53" s="46" t="s">
        <v>446</v>
      </c>
      <c r="B53" s="192">
        <v>108</v>
      </c>
      <c r="C53" s="193">
        <v>4.625662354722972</v>
      </c>
      <c r="D53" s="137">
        <v>0.38435978928286918</v>
      </c>
    </row>
    <row r="54" spans="1:22">
      <c r="A54" s="54" t="s">
        <v>447</v>
      </c>
      <c r="B54" s="190">
        <v>107</v>
      </c>
      <c r="C54" s="191">
        <v>3.8489963854623852</v>
      </c>
      <c r="D54" s="133">
        <v>0.48065882160788043</v>
      </c>
    </row>
    <row r="55" spans="1:22" s="5" customFormat="1"/>
    <row r="60" spans="1:22" ht="18.75">
      <c r="A60" s="327" t="s">
        <v>52</v>
      </c>
      <c r="B60" s="327"/>
      <c r="C60" s="327"/>
      <c r="D60" s="327"/>
      <c r="E60" s="327"/>
      <c r="F60" s="327"/>
      <c r="G60" s="327"/>
      <c r="H60" s="327"/>
      <c r="I60" s="327"/>
      <c r="J60" s="327"/>
      <c r="K60" s="327"/>
      <c r="L60" s="327"/>
      <c r="M60" s="327"/>
      <c r="N60" s="327"/>
      <c r="O60" s="327"/>
      <c r="P60" s="327"/>
      <c r="Q60" s="327"/>
      <c r="R60" s="327"/>
      <c r="S60" s="327"/>
      <c r="T60" s="327"/>
      <c r="U60" s="327"/>
      <c r="V60" s="327"/>
    </row>
    <row r="61" spans="1:22" ht="41.25" customHeight="1">
      <c r="A61" s="348" t="s">
        <v>218</v>
      </c>
      <c r="B61" s="348"/>
      <c r="C61" s="348"/>
      <c r="D61" s="348"/>
      <c r="E61" s="348"/>
      <c r="F61" s="348"/>
      <c r="G61" s="348"/>
      <c r="H61" s="348"/>
      <c r="I61" s="348"/>
      <c r="J61" s="348"/>
      <c r="K61" s="348"/>
      <c r="L61" s="348"/>
      <c r="M61" s="348"/>
      <c r="N61" s="348"/>
      <c r="O61" s="348"/>
      <c r="P61" s="348"/>
      <c r="Q61" s="348"/>
      <c r="R61" s="348"/>
      <c r="S61" s="348"/>
      <c r="T61" s="348"/>
      <c r="U61" s="348"/>
      <c r="V61" s="348"/>
    </row>
    <row r="62" spans="1:22" ht="36" customHeight="1">
      <c r="A62" s="61"/>
      <c r="B62" s="347" t="s">
        <v>219</v>
      </c>
      <c r="C62" s="347"/>
      <c r="D62" s="347"/>
      <c r="E62" s="347"/>
      <c r="F62" s="347"/>
      <c r="G62" s="347"/>
      <c r="H62" s="347"/>
      <c r="I62" s="347" t="s">
        <v>392</v>
      </c>
      <c r="J62" s="347"/>
      <c r="K62" s="347"/>
      <c r="L62" s="347"/>
      <c r="M62" s="347"/>
      <c r="N62" s="347"/>
      <c r="O62" s="347"/>
      <c r="P62" s="347" t="s">
        <v>220</v>
      </c>
      <c r="Q62" s="347"/>
      <c r="R62" s="347"/>
      <c r="S62" s="347"/>
      <c r="T62" s="347"/>
      <c r="U62" s="347"/>
      <c r="V62" s="347"/>
    </row>
    <row r="63" spans="1:22" ht="39.75" customHeight="1">
      <c r="A63" s="34" t="s">
        <v>114</v>
      </c>
      <c r="B63" s="35" t="s">
        <v>115</v>
      </c>
      <c r="C63" s="35" t="s">
        <v>300</v>
      </c>
      <c r="D63" s="90" t="s">
        <v>145</v>
      </c>
      <c r="E63" s="35" t="s">
        <v>301</v>
      </c>
      <c r="F63" s="90" t="s">
        <v>146</v>
      </c>
      <c r="G63" s="35" t="s">
        <v>302</v>
      </c>
      <c r="H63" s="90" t="s">
        <v>147</v>
      </c>
      <c r="I63" s="62" t="s">
        <v>115</v>
      </c>
      <c r="J63" s="62" t="s">
        <v>300</v>
      </c>
      <c r="K63" s="89" t="s">
        <v>145</v>
      </c>
      <c r="L63" s="62" t="s">
        <v>301</v>
      </c>
      <c r="M63" s="89" t="s">
        <v>146</v>
      </c>
      <c r="N63" s="62" t="s">
        <v>302</v>
      </c>
      <c r="O63" s="89" t="s">
        <v>147</v>
      </c>
      <c r="P63" s="35" t="s">
        <v>115</v>
      </c>
      <c r="Q63" s="35" t="s">
        <v>300</v>
      </c>
      <c r="R63" s="37" t="s">
        <v>145</v>
      </c>
      <c r="S63" s="35" t="s">
        <v>301</v>
      </c>
      <c r="T63" s="37" t="s">
        <v>146</v>
      </c>
      <c r="U63" s="35" t="s">
        <v>302</v>
      </c>
      <c r="V63" s="37" t="s">
        <v>147</v>
      </c>
    </row>
    <row r="64" spans="1:22" ht="71.25" customHeight="1">
      <c r="A64" s="38"/>
      <c r="B64" s="39" t="s">
        <v>118</v>
      </c>
      <c r="C64" s="39" t="s">
        <v>303</v>
      </c>
      <c r="D64" s="92" t="s">
        <v>213</v>
      </c>
      <c r="E64" s="39" t="s">
        <v>304</v>
      </c>
      <c r="F64" s="92" t="s">
        <v>214</v>
      </c>
      <c r="G64" s="39" t="s">
        <v>305</v>
      </c>
      <c r="H64" s="92" t="s">
        <v>215</v>
      </c>
      <c r="I64" s="65" t="s">
        <v>118</v>
      </c>
      <c r="J64" s="65" t="s">
        <v>303</v>
      </c>
      <c r="K64" s="91" t="s">
        <v>213</v>
      </c>
      <c r="L64" s="65" t="s">
        <v>304</v>
      </c>
      <c r="M64" s="91" t="s">
        <v>214</v>
      </c>
      <c r="N64" s="65" t="s">
        <v>305</v>
      </c>
      <c r="O64" s="91" t="s">
        <v>215</v>
      </c>
      <c r="P64" s="39" t="s">
        <v>118</v>
      </c>
      <c r="Q64" s="39" t="s">
        <v>303</v>
      </c>
      <c r="R64" s="41" t="s">
        <v>213</v>
      </c>
      <c r="S64" s="39" t="s">
        <v>304</v>
      </c>
      <c r="T64" s="41" t="s">
        <v>214</v>
      </c>
      <c r="U64" s="39" t="s">
        <v>305</v>
      </c>
      <c r="V64" s="41" t="s">
        <v>215</v>
      </c>
    </row>
    <row r="65" spans="1:22">
      <c r="A65" s="42" t="s">
        <v>442</v>
      </c>
      <c r="B65" s="194">
        <v>11596</v>
      </c>
      <c r="C65" s="195">
        <v>0.21999042342638581</v>
      </c>
      <c r="D65" s="95">
        <v>7.5395831731882136E-3</v>
      </c>
      <c r="E65" s="195">
        <v>0.22020626352462855</v>
      </c>
      <c r="F65" s="95">
        <v>7.5422345319408942E-3</v>
      </c>
      <c r="G65" s="196">
        <v>0.55980331304898567</v>
      </c>
      <c r="H65" s="95">
        <v>9.0337978237582228E-3</v>
      </c>
      <c r="I65" s="194">
        <v>11500</v>
      </c>
      <c r="J65" s="196">
        <v>0.44947861612951751</v>
      </c>
      <c r="K65" s="95">
        <v>9.0902286257651E-3</v>
      </c>
      <c r="L65" s="195">
        <v>0.21014065581151645</v>
      </c>
      <c r="M65" s="95">
        <v>7.4462560856853512E-3</v>
      </c>
      <c r="N65" s="195">
        <v>0.34038072805896602</v>
      </c>
      <c r="O65" s="95">
        <v>8.659202908957768E-3</v>
      </c>
      <c r="P65" s="194">
        <v>11554</v>
      </c>
      <c r="Q65" s="196">
        <v>0.54943040629841333</v>
      </c>
      <c r="R65" s="95">
        <v>9.070965074637654E-3</v>
      </c>
      <c r="S65" s="195">
        <v>0.22217646168141586</v>
      </c>
      <c r="T65" s="95">
        <v>7.5800382769108015E-3</v>
      </c>
      <c r="U65" s="195">
        <v>0.22839313202017075</v>
      </c>
      <c r="V65" s="95">
        <v>7.6545063044880885E-3</v>
      </c>
    </row>
    <row r="66" spans="1:22">
      <c r="A66" s="46" t="s">
        <v>443</v>
      </c>
      <c r="B66" s="197">
        <v>915</v>
      </c>
      <c r="C66" s="198">
        <v>0.23115752893688318</v>
      </c>
      <c r="D66" s="98">
        <v>2.7304657607662326E-2</v>
      </c>
      <c r="E66" s="198">
        <v>0.20873055213927463</v>
      </c>
      <c r="F66" s="98">
        <v>2.6334206244323494E-2</v>
      </c>
      <c r="G66" s="199">
        <v>0.56011191892384216</v>
      </c>
      <c r="H66" s="98">
        <v>3.2094785734447288E-2</v>
      </c>
      <c r="I66" s="197">
        <v>900</v>
      </c>
      <c r="J66" s="199">
        <v>0.44616131994080943</v>
      </c>
      <c r="K66" s="98">
        <v>3.240648645110103E-2</v>
      </c>
      <c r="L66" s="198">
        <v>0.19080263348506304</v>
      </c>
      <c r="M66" s="98">
        <v>2.5684747301420046E-2</v>
      </c>
      <c r="N66" s="198">
        <v>0.36303604657412752</v>
      </c>
      <c r="O66" s="98">
        <v>3.1358815503920764E-2</v>
      </c>
      <c r="P66" s="197">
        <v>901</v>
      </c>
      <c r="Q66" s="199">
        <v>0.47828085214356097</v>
      </c>
      <c r="R66" s="98">
        <v>3.2545825217390877E-2</v>
      </c>
      <c r="S66" s="198">
        <v>0.2282740808814353</v>
      </c>
      <c r="T66" s="98">
        <v>2.7396361669783514E-2</v>
      </c>
      <c r="U66" s="198">
        <v>0.29344506697500372</v>
      </c>
      <c r="V66" s="98">
        <v>2.9693536277269929E-2</v>
      </c>
    </row>
    <row r="67" spans="1:22">
      <c r="A67" s="50" t="s">
        <v>434</v>
      </c>
      <c r="B67" s="51">
        <v>250</v>
      </c>
      <c r="C67" s="183">
        <v>0.28081629830363009</v>
      </c>
      <c r="D67" s="95">
        <v>5.5472587270401316E-2</v>
      </c>
      <c r="E67" s="183">
        <v>0.22475946718786724</v>
      </c>
      <c r="F67" s="95">
        <v>5.168288629457201E-2</v>
      </c>
      <c r="G67" s="183">
        <v>0.4944242345085027</v>
      </c>
      <c r="H67" s="95">
        <v>6.1486964878814124E-2</v>
      </c>
      <c r="I67" s="51">
        <v>243</v>
      </c>
      <c r="J67" s="183">
        <v>0.51390941880571561</v>
      </c>
      <c r="K67" s="95">
        <v>6.2332549315051784E-2</v>
      </c>
      <c r="L67" s="183">
        <v>0.1695669266724843</v>
      </c>
      <c r="M67" s="95">
        <v>4.7377645125132421E-2</v>
      </c>
      <c r="N67" s="183">
        <v>0.31652365452180009</v>
      </c>
      <c r="O67" s="95">
        <v>5.8150742342405901E-2</v>
      </c>
      <c r="P67" s="51">
        <v>244</v>
      </c>
      <c r="Q67" s="183">
        <v>0.61656068297585354</v>
      </c>
      <c r="R67" s="95">
        <v>6.0571092471390149E-2</v>
      </c>
      <c r="S67" s="183">
        <v>0.1579663316158971</v>
      </c>
      <c r="T67" s="95">
        <v>4.6026072777355993E-2</v>
      </c>
      <c r="U67" s="183">
        <v>0.22547298540824931</v>
      </c>
      <c r="V67" s="95">
        <v>5.2368946234837864E-2</v>
      </c>
    </row>
    <row r="68" spans="1:22" ht="25.5">
      <c r="A68" s="46" t="s">
        <v>438</v>
      </c>
      <c r="B68" s="197">
        <v>52</v>
      </c>
      <c r="C68" s="198">
        <v>0.13406760898384928</v>
      </c>
      <c r="D68" s="98">
        <v>9.606992063017307E-2</v>
      </c>
      <c r="E68" s="198">
        <v>0.36172842772760749</v>
      </c>
      <c r="F68" s="98">
        <v>0.12656662084302917</v>
      </c>
      <c r="G68" s="199">
        <v>0.50420396328854322</v>
      </c>
      <c r="H68" s="98">
        <v>0.1309540172116585</v>
      </c>
      <c r="I68" s="197">
        <v>52</v>
      </c>
      <c r="J68" s="199">
        <v>0.32108380767063194</v>
      </c>
      <c r="K68" s="98">
        <v>0.12351740412038147</v>
      </c>
      <c r="L68" s="198">
        <v>0.25270015737410229</v>
      </c>
      <c r="M68" s="98">
        <v>0.11632949282349143</v>
      </c>
      <c r="N68" s="198">
        <v>0.42621603495526578</v>
      </c>
      <c r="O68" s="98">
        <v>0.12972271602387034</v>
      </c>
      <c r="P68" s="197">
        <v>51</v>
      </c>
      <c r="Q68" s="199">
        <v>0.75896017440365482</v>
      </c>
      <c r="R68" s="98">
        <v>0.11590671283010767</v>
      </c>
      <c r="S68" s="198">
        <v>5.188172889502838E-2</v>
      </c>
      <c r="T68" s="98">
        <v>7.3496604831282814E-2</v>
      </c>
      <c r="U68" s="198">
        <v>0.18915809670131684</v>
      </c>
      <c r="V68" s="98">
        <v>0.10797656585370581</v>
      </c>
    </row>
    <row r="69" spans="1:22" ht="38.25">
      <c r="A69" s="54" t="s">
        <v>454</v>
      </c>
      <c r="B69" s="194">
        <v>62</v>
      </c>
      <c r="C69" s="195">
        <v>0.20097433010085242</v>
      </c>
      <c r="D69" s="95">
        <v>9.9793196668466477E-2</v>
      </c>
      <c r="E69" s="195">
        <v>0.13133507203669798</v>
      </c>
      <c r="F69" s="95">
        <v>8.7007808986439006E-2</v>
      </c>
      <c r="G69" s="196">
        <v>0.66769059786244955</v>
      </c>
      <c r="H69" s="95">
        <v>0.11448640195298428</v>
      </c>
      <c r="I69" s="194">
        <v>60</v>
      </c>
      <c r="J69" s="196">
        <v>0.46837533505345158</v>
      </c>
      <c r="K69" s="95">
        <v>0.12228445261559565</v>
      </c>
      <c r="L69" s="195">
        <v>0.28473244897857841</v>
      </c>
      <c r="M69" s="95">
        <v>0.11207816288992883</v>
      </c>
      <c r="N69" s="195">
        <v>0.24689221596797001</v>
      </c>
      <c r="O69" s="95">
        <v>0.10782620769690293</v>
      </c>
      <c r="P69" s="194">
        <v>59</v>
      </c>
      <c r="Q69" s="196">
        <v>0.34192817207570153</v>
      </c>
      <c r="R69" s="95">
        <v>0.11793280282645928</v>
      </c>
      <c r="S69" s="195">
        <v>0.51870523144811165</v>
      </c>
      <c r="T69" s="95">
        <v>0.12339259468745511</v>
      </c>
      <c r="U69" s="195">
        <v>0.13936659647618679</v>
      </c>
      <c r="V69" s="95">
        <v>9.1043810621289911E-2</v>
      </c>
    </row>
    <row r="70" spans="1:22" ht="25.5">
      <c r="A70" s="46" t="s">
        <v>444</v>
      </c>
      <c r="B70" s="197">
        <v>103</v>
      </c>
      <c r="C70" s="198">
        <v>0.30742966208849559</v>
      </c>
      <c r="D70" s="98">
        <v>8.7988568633593112E-2</v>
      </c>
      <c r="E70" s="198">
        <v>0.19951896893895921</v>
      </c>
      <c r="F70" s="98">
        <v>7.7278148425773199E-2</v>
      </c>
      <c r="G70" s="199">
        <v>0.4930513689725452</v>
      </c>
      <c r="H70" s="98">
        <v>9.4731698012390606E-2</v>
      </c>
      <c r="I70" s="197">
        <v>100</v>
      </c>
      <c r="J70" s="199">
        <v>0.5552238933811835</v>
      </c>
      <c r="K70" s="98">
        <v>9.5553460069435131E-2</v>
      </c>
      <c r="L70" s="198">
        <v>0.13693299894845035</v>
      </c>
      <c r="M70" s="98">
        <v>6.8795499379701822E-2</v>
      </c>
      <c r="N70" s="198">
        <v>0.30784310767036616</v>
      </c>
      <c r="O70" s="98">
        <v>8.9294956946314785E-2</v>
      </c>
      <c r="P70" s="197">
        <v>102</v>
      </c>
      <c r="Q70" s="199">
        <v>0.58679147440784907</v>
      </c>
      <c r="R70" s="98">
        <v>9.3848780939388074E-2</v>
      </c>
      <c r="S70" s="198">
        <v>0.15361174552791951</v>
      </c>
      <c r="T70" s="98">
        <v>7.0950247406433173E-2</v>
      </c>
      <c r="U70" s="198">
        <v>0.25959678006423142</v>
      </c>
      <c r="V70" s="98">
        <v>8.4385670386024111E-2</v>
      </c>
    </row>
    <row r="71" spans="1:22">
      <c r="A71" s="54" t="s">
        <v>445</v>
      </c>
      <c r="B71" s="194">
        <v>217</v>
      </c>
      <c r="C71" s="195">
        <v>0.22235266050052727</v>
      </c>
      <c r="D71" s="95">
        <v>5.5260862395096658E-2</v>
      </c>
      <c r="E71" s="195">
        <v>0.21358351556097091</v>
      </c>
      <c r="F71" s="95">
        <v>5.4505647706166283E-2</v>
      </c>
      <c r="G71" s="196">
        <v>0.56406382393850185</v>
      </c>
      <c r="H71" s="95">
        <v>6.5398153290897751E-2</v>
      </c>
      <c r="I71" s="194">
        <v>213</v>
      </c>
      <c r="J71" s="196">
        <v>0.5505718645963924</v>
      </c>
      <c r="K71" s="95">
        <v>6.6198066428378805E-2</v>
      </c>
      <c r="L71" s="195">
        <v>0.15510494661654145</v>
      </c>
      <c r="M71" s="95">
        <v>4.8957951866090192E-2</v>
      </c>
      <c r="N71" s="195">
        <v>0.29432318878706609</v>
      </c>
      <c r="O71" s="95">
        <v>6.0862652500949514E-2</v>
      </c>
      <c r="P71" s="194">
        <v>212</v>
      </c>
      <c r="Q71" s="196">
        <v>0.60497507616982027</v>
      </c>
      <c r="R71" s="95">
        <v>6.5249515948650402E-2</v>
      </c>
      <c r="S71" s="195">
        <v>0.18940673216558768</v>
      </c>
      <c r="T71" s="95">
        <v>5.2854026501905627E-2</v>
      </c>
      <c r="U71" s="195">
        <v>0.20561819166459208</v>
      </c>
      <c r="V71" s="95">
        <v>5.4420366875476717E-2</v>
      </c>
    </row>
    <row r="72" spans="1:22">
      <c r="A72" s="46" t="s">
        <v>446</v>
      </c>
      <c r="B72" s="197">
        <v>109</v>
      </c>
      <c r="C72" s="198">
        <v>0.25492721900218096</v>
      </c>
      <c r="D72" s="98">
        <v>8.1235842998334196E-2</v>
      </c>
      <c r="E72" s="198">
        <v>0.29331226167006014</v>
      </c>
      <c r="F72" s="98">
        <v>8.4544614496097667E-2</v>
      </c>
      <c r="G72" s="199">
        <v>0.4517605193277589</v>
      </c>
      <c r="H72" s="98">
        <v>9.1790551490461184E-2</v>
      </c>
      <c r="I72" s="197">
        <v>107</v>
      </c>
      <c r="J72" s="199">
        <v>0.66987220248276658</v>
      </c>
      <c r="K72" s="98">
        <v>8.7887635053069291E-2</v>
      </c>
      <c r="L72" s="198">
        <v>0.19410880147812651</v>
      </c>
      <c r="M72" s="98">
        <v>7.5120543838645387E-2</v>
      </c>
      <c r="N72" s="198">
        <v>0.13601899603910689</v>
      </c>
      <c r="O72" s="98">
        <v>6.6269732214374738E-2</v>
      </c>
      <c r="P72" s="197">
        <v>107</v>
      </c>
      <c r="Q72" s="199">
        <v>0.66175604980053115</v>
      </c>
      <c r="R72" s="98">
        <v>8.8378704716748455E-2</v>
      </c>
      <c r="S72" s="198">
        <v>0.22174194207438797</v>
      </c>
      <c r="T72" s="98">
        <v>7.8499761852611094E-2</v>
      </c>
      <c r="U72" s="198">
        <v>0.11650200812508091</v>
      </c>
      <c r="V72" s="98">
        <v>6.2629990506724548E-2</v>
      </c>
    </row>
    <row r="73" spans="1:22">
      <c r="A73" s="54" t="s">
        <v>447</v>
      </c>
      <c r="B73" s="194">
        <v>108</v>
      </c>
      <c r="C73" s="195">
        <v>0.18061300398816421</v>
      </c>
      <c r="D73" s="95">
        <v>7.2949164851750833E-2</v>
      </c>
      <c r="E73" s="195">
        <v>0.11142248468818577</v>
      </c>
      <c r="F73" s="95">
        <v>6.1312995511436832E-2</v>
      </c>
      <c r="G73" s="196">
        <v>0.70796451132365001</v>
      </c>
      <c r="H73" s="95">
        <v>8.482699815796628E-2</v>
      </c>
      <c r="I73" s="194">
        <v>106</v>
      </c>
      <c r="J73" s="196">
        <v>0.39729490444917492</v>
      </c>
      <c r="K73" s="95">
        <v>9.1590542219516333E-2</v>
      </c>
      <c r="L73" s="195">
        <v>0.10499283115127718</v>
      </c>
      <c r="M73" s="95">
        <v>6.0587522246189567E-2</v>
      </c>
      <c r="N73" s="195">
        <v>0.49771226439954791</v>
      </c>
      <c r="O73" s="95">
        <v>9.3438425507666206E-2</v>
      </c>
      <c r="P73" s="194">
        <v>105</v>
      </c>
      <c r="Q73" s="196">
        <v>0.53202607075759278</v>
      </c>
      <c r="R73" s="95">
        <v>9.3688125647536147E-2</v>
      </c>
      <c r="S73" s="195">
        <v>0.14786427081253362</v>
      </c>
      <c r="T73" s="95">
        <v>6.8961078294494535E-2</v>
      </c>
      <c r="U73" s="195">
        <v>0.32010965842987366</v>
      </c>
      <c r="V73" s="95">
        <v>8.804921896449297E-2</v>
      </c>
    </row>
    <row r="74" spans="1:22" s="5" customFormat="1"/>
  </sheetData>
  <mergeCells count="17">
    <mergeCell ref="A3:D3"/>
    <mergeCell ref="A4:D4"/>
    <mergeCell ref="A5:D5"/>
    <mergeCell ref="A22:AC22"/>
    <mergeCell ref="A23:AC23"/>
    <mergeCell ref="B24:H24"/>
    <mergeCell ref="I24:O24"/>
    <mergeCell ref="P24:V24"/>
    <mergeCell ref="W24:AC24"/>
    <mergeCell ref="A41:D41"/>
    <mergeCell ref="A42:D42"/>
    <mergeCell ref="A43:D43"/>
    <mergeCell ref="A60:V60"/>
    <mergeCell ref="A61:V61"/>
    <mergeCell ref="B62:H62"/>
    <mergeCell ref="I62:O62"/>
    <mergeCell ref="P62:V62"/>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01-21T23:44:41Z</dcterms:modified>
</cp:coreProperties>
</file>